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26505" yWindow="-15" windowWidth="20610" windowHeight="11640" tabRatio="745"/>
  </bookViews>
  <sheets>
    <sheet name="工事費内訳書" sheetId="58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</externalReferences>
  <definedNames>
    <definedName name="_">#REF!</definedName>
    <definedName name="_____________d2">[1]!ピクチャ5_Click</definedName>
    <definedName name="___________d2">[2]!ピクチャ5_Click</definedName>
    <definedName name="__________d2">[2]!ピクチャ5_Click</definedName>
    <definedName name="_________d2">[2]!ピクチャ5_Click</definedName>
    <definedName name="________d2">[2]!ピクチャ5_Click</definedName>
    <definedName name="_______d2">[2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2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2]!ピクチャ5_Click</definedName>
    <definedName name="_____RE2">#REF!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2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2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>#REF!</definedName>
    <definedName name="__10">#REF!</definedName>
    <definedName name="__11">#REF!</definedName>
    <definedName name="__12">#REF!</definedName>
    <definedName name="__123Graph_A" hidden="1">#REF!</definedName>
    <definedName name="__123Graph_A外装" hidden="1">[5]仮設躯体!#REF!</definedName>
    <definedName name="__123Graph_A躯体" hidden="1">[5]仮設躯体!#REF!</definedName>
    <definedName name="__123Graph_A建築" hidden="1">[5]仮設躯体!#REF!</definedName>
    <definedName name="__123Graph_A室内" hidden="1">[5]仮設躯体!#REF!</definedName>
    <definedName name="__123Graph_A土工" hidden="1">[5]仮設躯体!#REF!</definedName>
    <definedName name="__123Graph_A内装" hidden="1">[5]仮設躯体!#REF!</definedName>
    <definedName name="__123Graph_B" hidden="1">#REF!</definedName>
    <definedName name="__123Graph_LBL_A" hidden="1">[6]工程算出!#REF!</definedName>
    <definedName name="__123Graph_X" hidden="1">[6]工程算出!#REF!</definedName>
    <definedName name="__123Graph_X外装" hidden="1">[5]仮設躯体!#REF!</definedName>
    <definedName name="__123Graph_X躯体" hidden="1">[5]仮設躯体!#REF!</definedName>
    <definedName name="__123Graph_X建築" hidden="1">[5]仮設躯体!#REF!</definedName>
    <definedName name="__123Graph_X室内" hidden="1">[5]仮設躯体!#REF!</definedName>
    <definedName name="__123Graph_X土工" hidden="1">[5]仮設躯体!#REF!</definedName>
    <definedName name="__123Graph_X内装" hidden="1">[5]仮設躯体!#REF!</definedName>
    <definedName name="__2">#REF!</definedName>
    <definedName name="__3">#REF!</definedName>
    <definedName name="__4">#REF!</definedName>
    <definedName name="__5">#REF!</definedName>
    <definedName name="__6">#REF!</definedName>
    <definedName name="__7">#REF!</definedName>
    <definedName name="__8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2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>#REF!</definedName>
    <definedName name="_10">#REF!</definedName>
    <definedName name="_1000">#REF!</definedName>
    <definedName name="_1010">[7]見積01!#REF!</definedName>
    <definedName name="_1020">[7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8]Sheet2!#REF!</definedName>
    <definedName name="_123Graph" hidden="1">[8]Sheet2!#REF!</definedName>
    <definedName name="_13">[7]見積01!#REF!</definedName>
    <definedName name="_14">[7]見積01!#REF!</definedName>
    <definedName name="_15">[7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1Print_Area_02__4">#REF!</definedName>
    <definedName name="_2">#REF!</definedName>
    <definedName name="_2.0×2___1.08×2___×_2.95">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ページまで">#REF!</definedName>
    <definedName name="_2印刷範囲_2">#REF!</definedName>
    <definedName name="_2号明細書_M">#REF!</definedName>
    <definedName name="_3">#REF!</definedName>
    <definedName name="_33">#REF!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>#REF!</definedName>
    <definedName name="_44">#REF!</definedName>
    <definedName name="_4d2_">[9]!ピクチャ5_Click</definedName>
    <definedName name="_4Print_Area_03">#REF!</definedName>
    <definedName name="_4ページまで">#REF!</definedName>
    <definedName name="_4印刷範囲_6">#REF!</definedName>
    <definedName name="_5">#REF!</definedName>
    <definedName name="_50">#REF!</definedName>
    <definedName name="_55">#REF!</definedName>
    <definedName name="_5ページまで">#REF!</definedName>
    <definedName name="_5印刷範囲_7">#REF!</definedName>
    <definedName name="_6">#REF!</definedName>
    <definedName name="_66">#REF!</definedName>
    <definedName name="_6ページまで">#REF!</definedName>
    <definedName name="_7">#REF!</definedName>
    <definedName name="_7ページまで">#REF!</definedName>
    <definedName name="_8">#REF!</definedName>
    <definedName name="_850">#REF!</definedName>
    <definedName name="_88">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2]!ピクチャ5_Click</definedName>
    <definedName name="_d3">[10]!ピクチャ5_Click</definedName>
    <definedName name="_dd1">[11]!Dialog3_ボタン2_Click</definedName>
    <definedName name="_ddd2">[11]!ピクチャ5_Click</definedName>
    <definedName name="_Fill" hidden="1">#REF!</definedName>
    <definedName name="_I1">#REF!</definedName>
    <definedName name="_I2">#REF!</definedName>
    <definedName name="_I3">#REF!</definedName>
    <definedName name="_Key1" hidden="1">#REF!</definedName>
    <definedName name="_Key2" hidden="1">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2]諸経費計算表!$R$3:$AA$38</definedName>
    <definedName name="\11">[12]諸経費計算表!$R$3:$AA$38</definedName>
    <definedName name="￥1250">#REF!</definedName>
    <definedName name="￥1900">#REF!</definedName>
    <definedName name="\2">[12]諸経費計算表!$A$8:$F$65</definedName>
    <definedName name="\A">#REF!</definedName>
    <definedName name="\A1">#REF!</definedName>
    <definedName name="\AA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FF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REF!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#REF!</definedName>
    <definedName name="\O1">#REF!</definedName>
    <definedName name="\P">#REF!</definedName>
    <definedName name="\P1">#REF!</definedName>
    <definedName name="\pn">[12]諸経費計算表!$A$2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￥あ">[13]土工!$D$2</definedName>
    <definedName name="\一覧表">#REF!</definedName>
    <definedName name="\印刷設定">#REF!</definedName>
    <definedName name="\印刷設定一">#REF!</definedName>
    <definedName name="A">#REF!</definedName>
    <definedName name="A_1">'[14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5]複１!#REF!</definedName>
    <definedName name="aa">[16]経費計算!#REF!</definedName>
    <definedName name="AAA">#REF!</definedName>
    <definedName name="AAAA">[0]!AAAA</definedName>
    <definedName name="aaaaa">[17]!Dialog3_ボタン2_Click</definedName>
    <definedName name="AAAAAAAAAAA">[18]!Dialog3_ボタン2_Click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19]!Anzen</definedName>
    <definedName name="AnzenHyouji">[19]!AnzenHyouji</definedName>
    <definedName name="aqw">[0]!aqw</definedName>
    <definedName name="AS">#REF!</definedName>
    <definedName name="ASDVIUI">#REF!</definedName>
    <definedName name="AUTOEXEC">#REF!</definedName>
    <definedName name="awe">[0]!awe</definedName>
    <definedName name="B">#REF!</definedName>
    <definedName name="Ｂ_14">'[20]Ｂ代価 '!#REF!</definedName>
    <definedName name="B4OUT">#REF!</definedName>
    <definedName name="B5OUT">#REF!</definedName>
    <definedName name="BANGOU">#REF!</definedName>
    <definedName name="ｂｂ">[21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20]Ｃ代価(1)'!#REF!</definedName>
    <definedName name="C_26">#REF!</definedName>
    <definedName name="C_27">'[20]Ｃ代価(1)'!#REF!</definedName>
    <definedName name="C_28">'[20]Ｃ代価(1)'!#REF!</definedName>
    <definedName name="C_29">#REF!</definedName>
    <definedName name="C_30">'[20]Ｃ代価(1)'!#REF!</definedName>
    <definedName name="C_31">'[20]Ｃ代価(1)'!#REF!</definedName>
    <definedName name="Ｃ_32">'[20]Ｃ代価(1)'!#REF!</definedName>
    <definedName name="Ｃ_33">'[20]Ｃ代価(1)'!#REF!</definedName>
    <definedName name="Ｃ_34">'[20]Ｃ代価(1)'!#REF!</definedName>
    <definedName name="Ｃ_35">'[20]Ｃ代価(1)'!#REF!</definedName>
    <definedName name="Ｃ_36">'[20]Ｃ代価(1)'!#REF!</definedName>
    <definedName name="C0">#REF!</definedName>
    <definedName name="CC">#REF!</definedName>
    <definedName name="ｃｃｃｃｃｃ">[17]!ピクチャ5_Click</definedName>
    <definedName name="ｃｄ">'[22]３ページ'!$S$66</definedName>
    <definedName name="COUNTER">[23]表紙!#REF!</definedName>
    <definedName name="_xlnm.Criteria">#REF!</definedName>
    <definedName name="Criteria_MI">#REF!</definedName>
    <definedName name="CV3C2">[24]ｹｰﾌﾞﾙ計!#REF!</definedName>
    <definedName name="cv3c2_">[25]ｹｰﾌﾞﾙ労務!#REF!</definedName>
    <definedName name="CVVS2C2">[24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6]内訳書!#REF!</definedName>
    <definedName name="C種">#REF!</definedName>
    <definedName name="Ｃ代価">#REF!</definedName>
    <definedName name="Ｃ代価表一覧表">#REF!</definedName>
    <definedName name="D">#REF!</definedName>
    <definedName name="DAIKA">#REF!</definedName>
    <definedName name="data">[27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>#REF!</definedName>
    <definedName name="Database_MI">#REF!</definedName>
    <definedName name="ｄｃ">[21]条件!$E$23</definedName>
    <definedName name="DD">#REF!</definedName>
    <definedName name="ddd">[11]!ピクチャ5_Click</definedName>
    <definedName name="dddd">[28]!Dialog3_ボタン2_Click</definedName>
    <definedName name="dddd3">[28]!Dialog3_ボタン2_Click</definedName>
    <definedName name="ｄｄｄｄｄ">[29]!ピクチャ5_Click</definedName>
    <definedName name="ddddd5">[28]!ピクチャ5_Click</definedName>
    <definedName name="DDDDDD">[30]!Dialog3_ボタン2_Click</definedName>
    <definedName name="ｄｆ">[21]条件!$C$24</definedName>
    <definedName name="Dialog3_ボタン2_Click">[31]!Dialog3_ボタン2_Click</definedName>
    <definedName name="DK">21000</definedName>
    <definedName name="DKT">19100</definedName>
    <definedName name="ＤＳ">#REF!</definedName>
    <definedName name="Dグランド照明">[26]内訳書!#REF!</definedName>
    <definedName name="e">[0]!e</definedName>
    <definedName name="EC">#REF!</definedName>
    <definedName name="ED">#REF!</definedName>
    <definedName name="EF">#REF!</definedName>
    <definedName name="EG">#REF!</definedName>
    <definedName name="Eizen">[19]!Eizen</definedName>
    <definedName name="EIZEN5" hidden="1">{"設定1",#N/A,FALSE,"第5号-1";"設定2",#N/A,FALSE,"第5号-1"}</definedName>
    <definedName name="EizenHyouji">[19]!EizenHyouji</definedName>
    <definedName name="EK">#REF!</definedName>
    <definedName name="end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ｆｆ">[21]条件!$C$16</definedName>
    <definedName name="ｆｇ">[21]条件!$C$23</definedName>
    <definedName name="ｆｈ">[21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7200</definedName>
    <definedName name="G">#REF!</definedName>
    <definedName name="GenbaKanri">[19]!GenbaKanri</definedName>
    <definedName name="GenbaKanriHyouji">[19]!GenbaKanriHyouji</definedName>
    <definedName name="gggg">#REF!</definedName>
    <definedName name="gggggg">#REF!</definedName>
    <definedName name="ＧＴ">[3]歩・屋!$W$12</definedName>
    <definedName name="H">#REF!</definedName>
    <definedName name="hanni">#REF!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19]!IppanKanri</definedName>
    <definedName name="IppanKanriHyouji">[19]!IppanKanriHyouji</definedName>
    <definedName name="J">#REF!</definedName>
    <definedName name="ｊｊ">[21]条件!$C$21</definedName>
    <definedName name="Junbi">[19]!Junbi</definedName>
    <definedName name="JunbiHyouji">[19]!JunbiHyouji</definedName>
    <definedName name="K">[0]!K</definedName>
    <definedName name="keihi2" hidden="1">#REF!</definedName>
    <definedName name="KH">22720</definedName>
    <definedName name="KHK">0</definedName>
    <definedName name="kk">[0]!kk</definedName>
    <definedName name="kkk">[32]入力一般管理!#REF!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>[0]!L</definedName>
    <definedName name="L3554Ｌ３０００">#REF!</definedName>
    <definedName name="LL">#REF!</definedName>
    <definedName name="LOOPN">[23]表紙!#REF!</definedName>
    <definedName name="LOOPS">[23]表紙!#REF!</definedName>
    <definedName name="LOOP入">[23]表紙!#REF!</definedName>
    <definedName name="LOOP抜">[23]表紙!#REF!</definedName>
    <definedName name="M">[0]!M</definedName>
    <definedName name="MENU">#REF!</definedName>
    <definedName name="MENUA">[23]表紙!#REF!</definedName>
    <definedName name="MENUB">[23]表紙!#REF!</definedName>
    <definedName name="MENUE">[23]表紙!#REF!</definedName>
    <definedName name="MENUP">[23]表紙!#REF!</definedName>
    <definedName name="MENUP2">[23]表紙!#REF!</definedName>
    <definedName name="MI">#REF!</definedName>
    <definedName name="ｍｊ">'[22]３ページ'!#REF!</definedName>
    <definedName name="mm">[33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4]代価表 '!$Z$2</definedName>
    <definedName name="O">[35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4]ｹｰﾌﾞﾙ計!#REF!</definedName>
    <definedName name="PE管28">[24]ｹｰﾌﾞﾙ計!#REF!</definedName>
    <definedName name="PE管42">[24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工事費内訳書!$A$1:$M$55</definedName>
    <definedName name="_xlnm.Print_Area">#REF!</definedName>
    <definedName name="PRINT_AREA_MI">[36]内訳書１!#REF!</definedName>
    <definedName name="Print_Area１">#REF!</definedName>
    <definedName name="Print_Area２">[37]消火栓材料表!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2]３ページ'!$L$17</definedName>
    <definedName name="ｑｑｑｑｑ" hidden="1">{"設定1",#N/A,FALSE,"第5号-1";"設定2",#N/A,FALSE,"第5号-1"}</definedName>
    <definedName name="ｑｔ">'[38]２ページ'!#REF!</definedName>
    <definedName name="ｑｗ" hidden="1">{"設定1",#N/A,FALSE,"第5号-1";"設定2",#N/A,FALSE,"第5号-1"}</definedName>
    <definedName name="qwe">[0]!qwe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>'[38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39]!Dialog3_ボタン2_Click</definedName>
    <definedName name="RS">#REF!</definedName>
    <definedName name="RUM">#REF!</definedName>
    <definedName name="RV">#REF!</definedName>
    <definedName name="s">#REF!</definedName>
    <definedName name="sa">'[38]３ページ'!#REF!</definedName>
    <definedName name="SAB">#REF!</definedName>
    <definedName name="SCV">#REF!</definedName>
    <definedName name="sk">'[22]３ページ'!#REF!</definedName>
    <definedName name="SKｿｹｯﾄφ20">#REF!</definedName>
    <definedName name="SKｿｹｯﾄφ40">#REF!</definedName>
    <definedName name="smif">[40]機器等据付工!#REF!</definedName>
    <definedName name="SONI">#REF!</definedName>
    <definedName name="SONO">#REF!</definedName>
    <definedName name="SPK">17940</definedName>
    <definedName name="SQRT">#REF!</definedName>
    <definedName name="ｓｒ">[13]土工!#REF!</definedName>
    <definedName name="SUB">#REF!</definedName>
    <definedName name="SUS屋内">#REF!</definedName>
    <definedName name="SUS据付">#REF!</definedName>
    <definedName name="ｔ">[0]!ｔ</definedName>
    <definedName name="TANKA">'[41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>20800</definedName>
    <definedName name="T区">#REF!</definedName>
    <definedName name="U">[0]!U</definedName>
    <definedName name="UG">#REF!</definedName>
    <definedName name="UHY">#REF!</definedName>
    <definedName name="Unnpan">[19]!Unnpan</definedName>
    <definedName name="V">#REF!</definedName>
    <definedName name="ｖｆ">'[22]３ページ'!#REF!</definedName>
    <definedName name="VNJ">#REF!</definedName>
    <definedName name="VP.VU据付">#REF!</definedName>
    <definedName name="VU屋内">#REF!</definedName>
    <definedName name="ｖｖ">[42]条件!$C$6</definedName>
    <definedName name="W">#REF!</definedName>
    <definedName name="WA">#REF!</definedName>
    <definedName name="WIR_D_34">#REF!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レポート." hidden="1">{#N/A,#N/A,FALSE,"内訳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3]Code!#REF!</definedName>
    <definedName name="ｗｗ">'[38]３ページ'!#REF!</definedName>
    <definedName name="X">#REF!</definedName>
    <definedName name="XC">#REF!</definedName>
    <definedName name="XMIN">#REF!</definedName>
    <definedName name="ｘｘ">[21]条件!$C$11</definedName>
    <definedName name="Y">[0]!Y</definedName>
    <definedName name="Yusou">[19]!Yusou</definedName>
    <definedName name="YusouHyouji">[19]!YusouHyouji</definedName>
    <definedName name="ｙｙ">[23]表紙!#REF!</definedName>
    <definedName name="ｙｙｙ">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X">[44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5]!φ50本設配管</definedName>
    <definedName name="ア">[46]表紙!#REF!</definedName>
    <definedName name="あ">[0]!あ</definedName>
    <definedName name="あ1">#REF!</definedName>
    <definedName name="ああ">#REF!</definedName>
    <definedName name="あああ">[0]!あああ</definedName>
    <definedName name="ああああ">#REF!</definedName>
    <definedName name="あああああ" hidden="1">#REF!</definedName>
    <definedName name="ああああああ">[46]表紙!#REF!</definedName>
    <definedName name="あい">[0]!あい</definedName>
    <definedName name="ｱｽﾌｧﾙﾄ乳剤PK3">#REF!</definedName>
    <definedName name="ｱｾﾁﾚﾝ">#REF!</definedName>
    <definedName name="い">[0]!い</definedName>
    <definedName name="いい">'[22]３ページ'!$L$9</definedName>
    <definedName name="いいいい">[47]!Anzen</definedName>
    <definedName name="いらない列1">#REF!</definedName>
    <definedName name="いらない列2">#REF!</definedName>
    <definedName name="う">[0]!う</definedName>
    <definedName name="うう">'[22]２ページ'!$I$36</definedName>
    <definedName name="ううう">#REF!</definedName>
    <definedName name="うううう">#REF!</definedName>
    <definedName name="うぇ">[0]!うぇ</definedName>
    <definedName name="え">[48]!Dialog3_ボタン2_Click</definedName>
    <definedName name="ええ">'[22]３ページ'!$G$16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[0]!お</definedName>
    <definedName name="おお">'[22]１ページ'!$J$58</definedName>
    <definedName name="ガス">#REF!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49]府県別労務!$C$50</definedName>
    <definedName name="き">[0]!き</definedName>
    <definedName name="く">'[38]３ページ'!#REF!</definedName>
    <definedName name="くうちょう">#REF!</definedName>
    <definedName name="くぇ">[0]!くぇ</definedName>
    <definedName name="グランド照明">[26]内訳書!#REF!</definedName>
    <definedName name="ｸﾚｰﾝ付ﾄﾗｯｸ運転2.9t">#REF!</definedName>
    <definedName name="ｸﾛｽ集計範囲">#REF!</definedName>
    <definedName name="ケーブル電線類">#REF!</definedName>
    <definedName name="ｺｰﾄﾞ">'[41]H15年度4月-企業庁・県建設部単価表'!$A$5:$A$490</definedName>
    <definedName name="ｺﾝｸﾘｰﾄ混和剤">#REF!</definedName>
    <definedName name="ｺﾝﾏ小数点">#REF!</definedName>
    <definedName name="さ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さく岩工">#REF!</definedName>
    <definedName name="ささＳ">#REF!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5]仮設躯体!$A$2:$I$21</definedName>
    <definedName name="スコアボード比較">#REF!</definedName>
    <definedName name="スタイル">#REF!</definedName>
    <definedName name="スタンション">[50]!Dialog3_ボタン2_Click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 hidden="1">{"設定1",#N/A,FALSE,"第5号-1";"設定2",#N/A,FALSE,"第5号-1"}</definedName>
    <definedName name="その他器具">#REF!</definedName>
    <definedName name="た">[0]!た</definedName>
    <definedName name="だいＫ">[51]表紙!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2]明細!#REF!</definedName>
    <definedName name="ダクタイル鋳鉄管">#REF!</definedName>
    <definedName name="ダクト">[52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っｄ">'[22]１ページ'!$F$8</definedName>
    <definedName name="っｆ">'[22]容計（ﾕﾆｯﾄ）'!$F$33</definedName>
    <definedName name="っｇ">'[22]３ページ'!#REF!</definedName>
    <definedName name="っｈ">'[22]１ページ'!$F$11</definedName>
    <definedName name="っｊ">'[22]３ページ'!#REF!</definedName>
    <definedName name="っｋ">'[22]１ページ'!$F$9</definedName>
    <definedName name="っｌ">'[22]３ページ'!$S$68</definedName>
    <definedName name="っｐ">'[22]３ページ'!$S$56</definedName>
    <definedName name="っｒ">'[22]３ページ'!$G$16</definedName>
    <definedName name="っｓ">'[22]１ページ'!$F$10</definedName>
    <definedName name="っｔ">'[22]３ページ'!$S$54</definedName>
    <definedName name="っｗ">'[22]３ページ'!$G$16</definedName>
    <definedName name="っｙ">'[22]２ページ'!$I$36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>[53]!Dialog3_ボタン2_Click</definedName>
    <definedName name="テレビ">[0]!テレビ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4]!Dialog3_ボタン2_Click</definedName>
    <definedName name="ピクチャ5_Click">[31]!ピクチャ5_Click</definedName>
    <definedName name="ﾋﾟｯﾄ築造">[54]!Dialog3_ボタン2_Click</definedName>
    <definedName name="ふ">#REF!</definedName>
    <definedName name="プリカ50">[24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5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6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>[0]!ら</definedName>
    <definedName name="ﾛﾗｰ運転0.8_1.1t">#REF!</definedName>
    <definedName name="ﾛﾗｰ運転3.0_4.0t">#REF!</definedName>
    <definedName name="ん">[21]条件!$E$21</definedName>
    <definedName name="んｈ">'[22]１ページ'!$J$41</definedName>
    <definedName name="んｍ">[0]!んｍ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7]条件!$C$6</definedName>
    <definedName name="一">#REF!</definedName>
    <definedName name="一位代価">#REF!</definedName>
    <definedName name="一般運転手">#REF!</definedName>
    <definedName name="一般労務費">#REF!</definedName>
    <definedName name="印刷">[58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後">[0]!印刷後</definedName>
    <definedName name="印刷範囲">#REF!</definedName>
    <definedName name="印刷表">[59]表紙!#REF!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>#REF!</definedName>
    <definedName name="営繕">#REF!</definedName>
    <definedName name="衛生器具">#REF!</definedName>
    <definedName name="汚水桝">[60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5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 hidden="1">#REF!</definedName>
    <definedName name="仮1" hidden="1">#REF!</definedName>
    <definedName name="仮２" hidden="1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仮設費" hidden="1">{#N/A,#N/A,FALSE,"内訳"}</definedName>
    <definedName name="河川水">#REF!</definedName>
    <definedName name="稼働時間">#REF!</definedName>
    <definedName name="解析単位重量">#REF!</definedName>
    <definedName name="回収率">[56]条件!$C$14</definedName>
    <definedName name="改行1">[61]配水管原!#REF!</definedName>
    <definedName name="改行2">[61]配水管原!#REF!</definedName>
    <definedName name="開口">[54]!Dialog3_ボタン2_Click</definedName>
    <definedName name="開始頁">[59]表紙!#REF!</definedName>
    <definedName name="外構">[5]外構!$A$1</definedName>
    <definedName name="外部給排">#REF!</definedName>
    <definedName name="外部建具">[5]外部!$A$193</definedName>
    <definedName name="概要">[61]配水管原!#REF!</definedName>
    <definedName name="確認0">#REF!</definedName>
    <definedName name="換気">#REF!</definedName>
    <definedName name="環境">#REF!</definedName>
    <definedName name="環境対策区分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6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機械内訳書" hidden="1">{"設定1",#N/A,FALSE,"第5号-1";"設定2",#N/A,FALSE,"第5号-1"}</definedName>
    <definedName name="機器名称">[62]機器等据付工!$B$8:$B$41,[62]機器等据付工!$B$65,[62]機器等据付工!$B$65:$B$98</definedName>
    <definedName name="機器名称２">[40]機器等据付工!#REF!</definedName>
    <definedName name="記号">[63]表紙!#REF!</definedName>
    <definedName name="記号3">[64]搬入据付様式!#REF!</definedName>
    <definedName name="記号4">[64]搬入据付様式!#REF!</definedName>
    <definedName name="記号5">[64]搬入据付様式!#REF!</definedName>
    <definedName name="記号6">[64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>#REF!</definedName>
    <definedName name="技師Ｂ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>#REF!</definedName>
    <definedName name="逆洗回数">[56]条件!$E$21</definedName>
    <definedName name="逆洗時間">[56]条件!$C$22</definedName>
    <definedName name="逆洗次亜費">#REF!</definedName>
    <definedName name="逆洗水率">[56]条件!$C$16</definedName>
    <definedName name="逆洗水量">[56]条件!$C$18</definedName>
    <definedName name="逆洗頻度">[56]条件!$C$21</definedName>
    <definedName name="逆洗分割数">#REF!</definedName>
    <definedName name="吸出防止材">[65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>#REF!</definedName>
    <definedName name="共通">[5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3]表紙!#REF!</definedName>
    <definedName name="金抜き設計書">#REF!</definedName>
    <definedName name="金抜設定">[59]表紙!#REF!</definedName>
    <definedName name="躯体">[5]仮設躯体!$A$182</definedName>
    <definedName name="掘削">[46]表紙!#REF!</definedName>
    <definedName name="掘削梁">[46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系列数">[56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浄水量">#REF!</definedName>
    <definedName name="計画膜ろ過水量">[56]条件!$C$17</definedName>
    <definedName name="計画膜ろ過流束">[56]条件!$C$5</definedName>
    <definedName name="計算書">#REF!</definedName>
    <definedName name="計装" hidden="1">{"設定1",#N/A,FALSE,"第5号-1";"設定2",#N/A,FALSE,"第5号-1"}</definedName>
    <definedName name="軽作業員">#REF!</definedName>
    <definedName name="軽油">#REF!</definedName>
    <definedName name="軽油陸上用">#REF!</definedName>
    <definedName name="桁">#REF!</definedName>
    <definedName name="月_1日">#REF!</definedName>
    <definedName name="件">[0]!件</definedName>
    <definedName name="建具工">#REF!</definedName>
    <definedName name="建築">[5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建築電気設備" hidden="1">{#N/A,#N/A,FALSE,"内訳"}</definedName>
    <definedName name="県名">#REF!</definedName>
    <definedName name="見積空調">'[66]代価表 '!#REF!</definedName>
    <definedName name="見積比較換気">'[67]代価表 '!$Z$2</definedName>
    <definedName name="見積比較表">'[68]代価表 '!$Z$2</definedName>
    <definedName name="見比衛生2">'[69]代価表 '!#REF!</definedName>
    <definedName name="原価">#REF!</definedName>
    <definedName name="原水量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70]設計書入力!$DT$23:$DU$700</definedName>
    <definedName name="工事件名">[71]工事総括!$C$3</definedName>
    <definedName name="工事明細">#REF!</definedName>
    <definedName name="工種区分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59]表紙!#REF!</definedName>
    <definedName name="根拠範囲">[3]歩・屋!$B$3:$AD$372</definedName>
    <definedName name="左官">#REF!</definedName>
    <definedName name="査定率">#REF!</definedName>
    <definedName name="査定率表">[55]見積･重量!#REF!</definedName>
    <definedName name="最大給水量">#REF!</definedName>
    <definedName name="砕石">[72]一位代価表!$F$147</definedName>
    <definedName name="細粒度AS">#REF!</definedName>
    <definedName name="材質">#REF!</definedName>
    <definedName name="材種">[73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使用量">#REF!</definedName>
    <definedName name="施工区分">#REF!</definedName>
    <definedName name="施工地域">#REF!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4]!Dialog3_ボタン2_Click</definedName>
    <definedName name="室内">[5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5]見積･重量!#REF!</definedName>
    <definedName name="修正">[23]表紙!#REF!</definedName>
    <definedName name="修正1">[23]表紙!#REF!</definedName>
    <definedName name="修正2">[23]表紙!#REF!</definedName>
    <definedName name="修正3">[23]表紙!#REF!</definedName>
    <definedName name="修正4">[23]表紙!#REF!</definedName>
    <definedName name="修正5">[59]表紙!#REF!</definedName>
    <definedName name="修正6">[59]表紙!#REF!</definedName>
    <definedName name="修正年月">[75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水量">#REF!</definedName>
    <definedName name="小計">[70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場内整備">[76]土工集計!$B$2:$J$23</definedName>
    <definedName name="条件">#REF!</definedName>
    <definedName name="条件１">#REF!</definedName>
    <definedName name="条件２">#REF!</definedName>
    <definedName name="条件３">#REF!</definedName>
    <definedName name="条件４">#REF!</definedName>
    <definedName name="条件５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件費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3]歩・屋!$W$6</definedName>
    <definedName name="水槽_鉄">[3]歩・屋!$W$7</definedName>
    <definedName name="水中ポンプ">[72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>#REF!</definedName>
    <definedName name="生コンFｰ210">#REF!</definedName>
    <definedName name="請負額算定">[77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接合材料率">#REF!</definedName>
    <definedName name="設計">[63]表紙!#REF!</definedName>
    <definedName name="設計技術員">#REF!</definedName>
    <definedName name="設計書2">[0]!設計書2</definedName>
    <definedName name="設計書表紙金入">#REF!</definedName>
    <definedName name="設計書表紙金抜">#REF!</definedName>
    <definedName name="設計書表紙金抜２">[78]設計書!$AN$63:$AX$86</definedName>
    <definedName name="設備機械工">#REF!</definedName>
    <definedName name="設備名称1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>#REF!</definedName>
    <definedName name="全体内訳書" hidden="1">{"設定1",#N/A,FALSE,"第5号-1";"設定2",#N/A,FALSE,"第5号-1"}</definedName>
    <definedName name="全頁印刷">[23]表紙!#REF!</definedName>
    <definedName name="粗粒AS">#REF!</definedName>
    <definedName name="組合せ試験費">#REF!</definedName>
    <definedName name="創">#REF!</definedName>
    <definedName name="操縦士">#REF!</definedName>
    <definedName name="総括">[5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>[0]!代価</definedName>
    <definedName name="代価1" hidden="1">{#N/A,#N/A,FALSE,"内訳"}</definedName>
    <definedName name="代価一覧PRINT">#REF!</definedName>
    <definedName name="代価一覧表PRINT">#REF!</definedName>
    <definedName name="代価根拠範囲">[3]歩・屋!$B$3:$AD$362</definedName>
    <definedName name="代価電気">[79]一位代価!$A:$IV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80]Ａ代価 '!#REF!</definedName>
    <definedName name="第_Ｂ_４">'[80]Ａ代価 '!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16]経費計算!#REF!</definedName>
    <definedName name="単位">#REF!</definedName>
    <definedName name="単位量">#REF!</definedName>
    <definedName name="単価">#REF!</definedName>
    <definedName name="単価コード">[81]単価コード!$B$1:$H$65536</definedName>
    <definedName name="単価一覧">#REF!</definedName>
    <definedName name="単価一覧表">[82]単価一覧表!$A$2:$H$378</definedName>
    <definedName name="単価表">[83]単価コード表!$B$3:$L$1403</definedName>
    <definedName name="段数">[56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>#REF!</definedName>
    <definedName name="鋳鉄管弁類">#REF!</definedName>
    <definedName name="長さ1">#REF!</definedName>
    <definedName name="直仮">[5]内訳!$A$79</definedName>
    <definedName name="直管重量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" hidden="1">{"設定1",#N/A,FALSE,"第5号-1";"設定2",#N/A,FALSE,"第5号-1"}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16]経費計算!#REF!</definedName>
    <definedName name="電気材料①">[16]経費計算!#REF!</definedName>
    <definedName name="電気材料③">[16]経費計算!#REF!</definedName>
    <definedName name="電気代価">[84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85]!ピクチャ5_Click</definedName>
    <definedName name="電工">#REF!</definedName>
    <definedName name="電工1">[24]ｹｰﾌﾞﾙ計!#REF!</definedName>
    <definedName name="電線管埋設">#REF!</definedName>
    <definedName name="電線管類">#REF!</definedName>
    <definedName name="電柱基礎">#REF!</definedName>
    <definedName name="電力量">#REF!</definedName>
    <definedName name="吐">[52]内訳!#REF!</definedName>
    <definedName name="吐１">[52]内訳!#REF!</definedName>
    <definedName name="吐出">[52]内訳!#REF!</definedName>
    <definedName name="吐出弁">[52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72]工事費内訳表!$H$11</definedName>
    <definedName name="土木一般世話役">#REF!</definedName>
    <definedName name="土木世話役">#REF!</definedName>
    <definedName name="土留工">#REF!</definedName>
    <definedName name="土量計算書">[46]表紙!#REF!</definedName>
    <definedName name="東海">#REF!</definedName>
    <definedName name="湯ノ谷印刷">[86]!湯ノ谷印刷</definedName>
    <definedName name="当り">#REF!</definedName>
    <definedName name="頭出しA">[87]修正履歴!#REF!</definedName>
    <definedName name="動力費">#REF!</definedName>
    <definedName name="特殊運転手">#REF!</definedName>
    <definedName name="特殊作業員">#REF!</definedName>
    <definedName name="内屋根">[5]内訳!$A$153</definedName>
    <definedName name="内外構">[5]内訳!$A$361</definedName>
    <definedName name="内躯体">[5]内訳!$A$56</definedName>
    <definedName name="内装工">#REF!</definedName>
    <definedName name="内部給排1">[88]外部改修工事!#REF!</definedName>
    <definedName name="内部給排2">[88]外部改修工事!#REF!</definedName>
    <definedName name="内部給排3">[88]外部改修工事!#REF!</definedName>
    <definedName name="内部建具">[5]内部!$A$1</definedName>
    <definedName name="内部雑">[5]内訳!$A$316</definedName>
    <definedName name="内訳" hidden="1">{"設定1",#N/A,FALSE,"第5号-1";"設定2",#N/A,FALSE,"第5号-1"}</definedName>
    <definedName name="内訳1" hidden="1">{"設定1",#N/A,FALSE,"第5号-1";"設定2",#N/A,FALSE,"第5号-1"}</definedName>
    <definedName name="内訳2">[89]内訳!#REF!</definedName>
    <definedName name="内訳20" hidden="1">{#N/A,#N/A,FALSE,"内訳"}</definedName>
    <definedName name="内訳21" hidden="1">{#N/A,#N/A,FALSE,"内訳"}</definedName>
    <definedName name="内訳２２" hidden="1">{#N/A,#N/A,FALSE,"内訳"}</definedName>
    <definedName name="内訳23" hidden="1">{#N/A,#N/A,FALSE,"内訳"}</definedName>
    <definedName name="内訳24" hidden="1">{#N/A,#N/A,FALSE,"内訳"}</definedName>
    <definedName name="内訳25" hidden="1">{#N/A,#N/A,FALSE,"内訳"}</definedName>
    <definedName name="内訳26" hidden="1">{#N/A,#N/A,FALSE,"内訳"}</definedName>
    <definedName name="内訳27" hidden="1">{#N/A,#N/A,FALSE,"内訳"}</definedName>
    <definedName name="内訳28" hidden="1">{#N/A,#N/A,FALSE,"内訳"}</definedName>
    <definedName name="内訳29" hidden="1">{#N/A,#N/A,FALSE,"内訳"}</definedName>
    <definedName name="内訳３" hidden="1">{#N/A,#N/A,FALSE,"内訳"}</definedName>
    <definedName name="内訳30" hidden="1">{#N/A,#N/A,FALSE,"内訳"}</definedName>
    <definedName name="内訳31" hidden="1">{#N/A,#N/A,FALSE,"内訳"}</definedName>
    <definedName name="内訳33" hidden="1">{#N/A,#N/A,FALSE,"内訳"}</definedName>
    <definedName name="内訳34" hidden="1">{#N/A,#N/A,FALSE,"内訳"}</definedName>
    <definedName name="内訳35" hidden="1">{#N/A,#N/A,FALSE,"内訳"}</definedName>
    <definedName name="内訳36" hidden="1">{#N/A,#N/A,FALSE,"内訳"}</definedName>
    <definedName name="内訳37" hidden="1">{#N/A,#N/A,FALSE,"内訳"}</definedName>
    <definedName name="内訳38" hidden="1">{#N/A,#N/A,FALSE,"内訳"}</definedName>
    <definedName name="内訳39" hidden="1">{#N/A,#N/A,FALSE,"内訳"}</definedName>
    <definedName name="内訳４" hidden="1">{#N/A,#N/A,FALSE,"内訳"}</definedName>
    <definedName name="内訳40" hidden="1">{#N/A,#N/A,FALSE,"内訳"}</definedName>
    <definedName name="内訳55" hidden="1">{#N/A,#N/A,FALSE,"内訳"}</definedName>
    <definedName name="内訳６０" hidden="1">{#N/A,#N/A,FALSE,"内訳"}</definedName>
    <definedName name="内訳62" hidden="1">{#N/A,#N/A,FALSE,"内訳"}</definedName>
    <definedName name="内訳64" hidden="1">{#N/A,#N/A,FALSE,"内訳"}</definedName>
    <definedName name="内訳65" hidden="1">{#N/A,#N/A,FALSE,"内訳"}</definedName>
    <definedName name="内訳66" hidden="1">{#N/A,#N/A,FALSE,"内訳"}</definedName>
    <definedName name="内訳70" hidden="1">{#N/A,#N/A,FALSE,"内訳"}</definedName>
    <definedName name="内訳77" hidden="1">{#N/A,#N/A,FALSE,"内訳"}</definedName>
    <definedName name="内訳80" hidden="1">{#N/A,#N/A,FALSE,"内訳"}</definedName>
    <definedName name="内訳83" hidden="1">{#N/A,#N/A,FALSE,"内訳"}</definedName>
    <definedName name="内訳84" hidden="1">{#N/A,#N/A,FALSE,"内訳"}</definedName>
    <definedName name="内訳89" hidden="1">{#N/A,#N/A,FALSE,"内訳"}</definedName>
    <definedName name="内訳90" hidden="1">{#N/A,#N/A,FALSE,"内訳"}</definedName>
    <definedName name="内訳96" hidden="1">{#N/A,#N/A,FALSE,"内訳"}</definedName>
    <definedName name="内訳97" hidden="1">{#N/A,#N/A,FALSE,"内訳"}</definedName>
    <definedName name="内訳98" hidden="1">{#N/A,#N/A,FALSE,"内訳"}</definedName>
    <definedName name="内訳99" hidden="1">{#N/A,#N/A,FALSE,"内訳"}</definedName>
    <definedName name="内訳一覧">#REF!</definedName>
    <definedName name="内訳書" hidden="1">{"設定1",#N/A,FALSE,"第5号-1";"設定2",#N/A,FALSE,"第5号-1"}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90]排水器具・ﾄﾗｯﾌﾟ!$V$50:$AC$70</definedName>
    <definedName name="排水PS">#REF!</definedName>
    <definedName name="排水器具･ﾄﾗｯﾌﾟ等">[90]排水器具・ﾄﾗｯﾌﾟ!$V$50:$AC$70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1]代価表 '!$Z$6</definedName>
    <definedName name="表紙">[92]!印刷</definedName>
    <definedName name="表題">[61]配水管原!#REF!</definedName>
    <definedName name="表流水">#REF!</definedName>
    <definedName name="不活性ガス">[3]歩・屋!$W$13</definedName>
    <definedName name="付属品率">#REF!</definedName>
    <definedName name="付帯">[5]付帯!$C$4</definedName>
    <definedName name="普作1">[24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59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93]物価資料価格表(変更後)'!$A$1:$L$65536</definedName>
    <definedName name="分類">[94]機器等据付重量表!$C$7:$C$56,[94]機器等据付重量表!$C$63,[94]機器等据付重量表!$C$63:$C$112,[94]機器等据付重量表!$C$119,[94]機器等据付重量表!$C$119:$C$168,[94]機器等据付重量表!$C$175:$C$224,[94]機器等据付重量表!$C$231,[94]機器等据付重量表!$C$231:$C$280,[94]機器等据付重量表!$C$287,[94]機器等据付重量表!$C$287:$C$336,[94]機器等据付重量表!$C$343,[94]機器等据付重量表!$C$343:$C$392</definedName>
    <definedName name="粉炭費">#REF!</definedName>
    <definedName name="兵庫県都まちづくり部設備課">[95]小項目!#REF!</definedName>
    <definedName name="頁枚数">[23]表紙!#REF!</definedName>
    <definedName name="別途">[5]付帯!$F$3</definedName>
    <definedName name="変更用紙">[77]!印刷</definedName>
    <definedName name="弁類">#REF!</definedName>
    <definedName name="保温工">#REF!</definedName>
    <definedName name="保証方法">#REF!</definedName>
    <definedName name="保存">#N/A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膜ポンプKW">#REF!</definedName>
    <definedName name="膜ろ過原水量">[56]条件!$C$15</definedName>
    <definedName name="膜ろ過棟" hidden="1">{"設定1",#N/A,FALSE,"第5号-1";"設定2",#N/A,FALSE,"第5号-1"}</definedName>
    <definedName name="膜交換費">#REF!</definedName>
    <definedName name="密粒AS">#REF!</definedName>
    <definedName name="名称">#REF!</definedName>
    <definedName name="面積">#REF!</definedName>
    <definedName name="問い合せ">#REF!</definedName>
    <definedName name="役務">#REF!</definedName>
    <definedName name="薬注回数">[56]条件!$E$23</definedName>
    <definedName name="薬注時間">[56]条件!$C$24</definedName>
    <definedName name="薬注頻度">[56]条件!$C$23</definedName>
    <definedName name="薬品洗浄費">#REF!</definedName>
    <definedName name="輸送１">#REF!</definedName>
    <definedName name="輸送費">#REF!</definedName>
    <definedName name="予定価格積算書">#REF!</definedName>
    <definedName name="幼児便器">#REF!</definedName>
    <definedName name="擁壁小">[72]工事費内訳表!$H$43</definedName>
    <definedName name="擁壁大">[72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立案冠記号">[96]Code!#REF!</definedName>
    <definedName name="粒調砕石Mｰ30">#REF!</definedName>
    <definedName name="鈴鹿市">#REF!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6]条件!$C$9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[16]経費計算!#REF!</definedName>
    <definedName name="労務費１">[16]経費計算!#REF!</definedName>
    <definedName name="労務費2">[86]!湯ノ谷印刷</definedName>
    <definedName name="労務表">[97]労務単価コード!$B$2:$E$64</definedName>
    <definedName name="濾過池配線材料" hidden="1">{"設定1",#N/A,FALSE,"第5号-1";"設定2",#N/A,FALSE,"第5号-1"}</definedName>
  </definedNames>
  <calcPr calcId="145621"/>
</workbook>
</file>

<file path=xl/sharedStrings.xml><?xml version="1.0" encoding="utf-8"?>
<sst xmlns="http://schemas.openxmlformats.org/spreadsheetml/2006/main" count="40" uniqueCount="34">
  <si>
    <t>式</t>
    <rPh sb="0" eb="1">
      <t>シキ</t>
    </rPh>
    <phoneticPr fontId="4"/>
  </si>
  <si>
    <t>数量</t>
    <rPh sb="0" eb="2">
      <t>スウリョウ</t>
    </rPh>
    <phoneticPr fontId="4"/>
  </si>
  <si>
    <t>種別</t>
    <rPh sb="0" eb="2">
      <t>シュベツ</t>
    </rPh>
    <phoneticPr fontId="4"/>
  </si>
  <si>
    <t>工事名</t>
    <rPh sb="0" eb="2">
      <t>コウジ</t>
    </rPh>
    <rPh sb="2" eb="3">
      <t>ナ</t>
    </rPh>
    <phoneticPr fontId="4"/>
  </si>
  <si>
    <t>工事場所</t>
    <rPh sb="0" eb="2">
      <t>コウジ</t>
    </rPh>
    <rPh sb="2" eb="4">
      <t>バショ</t>
    </rPh>
    <phoneticPr fontId="4"/>
  </si>
  <si>
    <t>費目</t>
    <rPh sb="0" eb="2">
      <t>ヒモク</t>
    </rPh>
    <phoneticPr fontId="4"/>
  </si>
  <si>
    <t>工種</t>
    <rPh sb="0" eb="1">
      <t>コウ</t>
    </rPh>
    <rPh sb="1" eb="2">
      <t>シュ</t>
    </rPh>
    <phoneticPr fontId="4"/>
  </si>
  <si>
    <t>細別/規格</t>
    <rPh sb="0" eb="2">
      <t>サイベツ</t>
    </rPh>
    <rPh sb="3" eb="5">
      <t>キカク</t>
    </rPh>
    <phoneticPr fontId="4"/>
  </si>
  <si>
    <t>単位</t>
    <rPh sb="0" eb="2">
      <t>タンイ</t>
    </rPh>
    <phoneticPr fontId="4"/>
  </si>
  <si>
    <t>共通仮設費</t>
    <rPh sb="0" eb="2">
      <t>キョウツウ</t>
    </rPh>
    <rPh sb="2" eb="4">
      <t>カセツ</t>
    </rPh>
    <rPh sb="4" eb="5">
      <t>ヒ</t>
    </rPh>
    <phoneticPr fontId="4"/>
  </si>
  <si>
    <t>共通仮設費率計算額</t>
    <rPh sb="5" eb="6">
      <t>リツ</t>
    </rPh>
    <rPh sb="6" eb="8">
      <t>ケイサン</t>
    </rPh>
    <rPh sb="8" eb="9">
      <t>ガク</t>
    </rPh>
    <phoneticPr fontId="4"/>
  </si>
  <si>
    <t>純工事費</t>
    <rPh sb="0" eb="1">
      <t>ジュン</t>
    </rPh>
    <rPh sb="1" eb="4">
      <t>コウジヒ</t>
    </rPh>
    <phoneticPr fontId="4"/>
  </si>
  <si>
    <t>現場管理費率計算額</t>
    <rPh sb="0" eb="2">
      <t>ゲンバ</t>
    </rPh>
    <rPh sb="2" eb="4">
      <t>カンリ</t>
    </rPh>
    <rPh sb="4" eb="5">
      <t>ヒ</t>
    </rPh>
    <rPh sb="5" eb="6">
      <t>リツ</t>
    </rPh>
    <rPh sb="6" eb="8">
      <t>ケイサン</t>
    </rPh>
    <rPh sb="8" eb="9">
      <t>ガク</t>
    </rPh>
    <phoneticPr fontId="4"/>
  </si>
  <si>
    <t>現場管理費</t>
    <rPh sb="0" eb="2">
      <t>ゲンバ</t>
    </rPh>
    <rPh sb="2" eb="5">
      <t>カンリヒ</t>
    </rPh>
    <phoneticPr fontId="4"/>
  </si>
  <si>
    <t>工事原価</t>
    <rPh sb="0" eb="2">
      <t>コウジ</t>
    </rPh>
    <rPh sb="2" eb="4">
      <t>ゲンカ</t>
    </rPh>
    <phoneticPr fontId="4"/>
  </si>
  <si>
    <t>一般管理費率計算額</t>
    <rPh sb="0" eb="2">
      <t>イッパン</t>
    </rPh>
    <rPh sb="2" eb="5">
      <t>カンリヒ</t>
    </rPh>
    <rPh sb="5" eb="6">
      <t>リツ</t>
    </rPh>
    <rPh sb="6" eb="8">
      <t>ケイサン</t>
    </rPh>
    <rPh sb="8" eb="9">
      <t>ガク</t>
    </rPh>
    <phoneticPr fontId="4"/>
  </si>
  <si>
    <t>別途製作の</t>
    <rPh sb="0" eb="2">
      <t>ベット</t>
    </rPh>
    <rPh sb="2" eb="4">
      <t>セイサク</t>
    </rPh>
    <phoneticPr fontId="4"/>
  </si>
  <si>
    <t>製作費</t>
    <rPh sb="0" eb="2">
      <t>セイサク</t>
    </rPh>
    <rPh sb="2" eb="3">
      <t>ヒ</t>
    </rPh>
    <phoneticPr fontId="4"/>
  </si>
  <si>
    <t>機器購入費</t>
    <rPh sb="0" eb="2">
      <t>キキ</t>
    </rPh>
    <rPh sb="2" eb="5">
      <t>コウニュウヒ</t>
    </rPh>
    <phoneticPr fontId="4"/>
  </si>
  <si>
    <t>機器費（非支給材）</t>
    <rPh sb="0" eb="2">
      <t>キキ</t>
    </rPh>
    <rPh sb="2" eb="3">
      <t>ヒ</t>
    </rPh>
    <rPh sb="4" eb="5">
      <t>ヒ</t>
    </rPh>
    <rPh sb="5" eb="7">
      <t>シキュウ</t>
    </rPh>
    <rPh sb="7" eb="8">
      <t>ザイ</t>
    </rPh>
    <phoneticPr fontId="4"/>
  </si>
  <si>
    <t>工事価格</t>
    <rPh sb="0" eb="2">
      <t>コウジ</t>
    </rPh>
    <rPh sb="2" eb="4">
      <t>カカク</t>
    </rPh>
    <phoneticPr fontId="4"/>
  </si>
  <si>
    <t>本工事内訳書</t>
    <rPh sb="0" eb="1">
      <t>ホン</t>
    </rPh>
    <rPh sb="1" eb="3">
      <t>コウジ</t>
    </rPh>
    <rPh sb="3" eb="5">
      <t>ウチワケ</t>
    </rPh>
    <rPh sb="5" eb="6">
      <t>ショ</t>
    </rPh>
    <phoneticPr fontId="4"/>
  </si>
  <si>
    <t>一般管理費等</t>
    <rPh sb="0" eb="2">
      <t>イッパン</t>
    </rPh>
    <rPh sb="2" eb="5">
      <t>カンリヒ</t>
    </rPh>
    <rPh sb="5" eb="6">
      <t>ナド</t>
    </rPh>
    <phoneticPr fontId="4"/>
  </si>
  <si>
    <t>全体金額</t>
    <rPh sb="0" eb="2">
      <t>ゼンタイ</t>
    </rPh>
    <phoneticPr fontId="4"/>
  </si>
  <si>
    <t>摘　　　　　　要</t>
    <phoneticPr fontId="4"/>
  </si>
  <si>
    <t>直接工事費</t>
    <phoneticPr fontId="4"/>
  </si>
  <si>
    <t>運搬費積上げ分</t>
    <rPh sb="0" eb="2">
      <t>ウンパン</t>
    </rPh>
    <rPh sb="2" eb="3">
      <t>ヒ</t>
    </rPh>
    <rPh sb="3" eb="5">
      <t>ツミア</t>
    </rPh>
    <rPh sb="6" eb="7">
      <t>ブン</t>
    </rPh>
    <phoneticPr fontId="4"/>
  </si>
  <si>
    <t>現場発生材　鉄くず・銅屑</t>
    <rPh sb="0" eb="2">
      <t>ゲンバ</t>
    </rPh>
    <rPh sb="2" eb="4">
      <t>ハッセイ</t>
    </rPh>
    <rPh sb="4" eb="5">
      <t>ザイ</t>
    </rPh>
    <rPh sb="6" eb="7">
      <t>テツ</t>
    </rPh>
    <rPh sb="10" eb="11">
      <t>ドウ</t>
    </rPh>
    <rPh sb="11" eb="12">
      <t>クズ</t>
    </rPh>
    <phoneticPr fontId="4"/>
  </si>
  <si>
    <t>H29水道事業実務必携に記載の請負工事積算基準「構造物工事（浄水場等）」にて積算</t>
    <rPh sb="3" eb="5">
      <t>スイドウ</t>
    </rPh>
    <rPh sb="5" eb="7">
      <t>ジギョウ</t>
    </rPh>
    <rPh sb="7" eb="9">
      <t>ジツム</t>
    </rPh>
    <rPh sb="9" eb="11">
      <t>ヒッケイ</t>
    </rPh>
    <rPh sb="12" eb="14">
      <t>キサイ</t>
    </rPh>
    <rPh sb="15" eb="17">
      <t>ウケオイ</t>
    </rPh>
    <rPh sb="17" eb="19">
      <t>コウジ</t>
    </rPh>
    <rPh sb="19" eb="21">
      <t>セキサン</t>
    </rPh>
    <rPh sb="21" eb="23">
      <t>キジュン</t>
    </rPh>
    <rPh sb="24" eb="27">
      <t>コウゾウブツ</t>
    </rPh>
    <rPh sb="27" eb="29">
      <t>コウジ</t>
    </rPh>
    <rPh sb="30" eb="32">
      <t>ジョウスイ</t>
    </rPh>
    <rPh sb="32" eb="33">
      <t>ジョウ</t>
    </rPh>
    <rPh sb="33" eb="34">
      <t>ナド</t>
    </rPh>
    <rPh sb="38" eb="40">
      <t>セキサン</t>
    </rPh>
    <phoneticPr fontId="4"/>
  </si>
  <si>
    <t>スクラップ控除</t>
    <phoneticPr fontId="4"/>
  </si>
  <si>
    <t>H30出来高</t>
    <rPh sb="3" eb="6">
      <t>デキダカ</t>
    </rPh>
    <phoneticPr fontId="4"/>
  </si>
  <si>
    <t>安全費</t>
    <rPh sb="0" eb="2">
      <t>アンゼン</t>
    </rPh>
    <rPh sb="2" eb="3">
      <t>ヒ</t>
    </rPh>
    <phoneticPr fontId="4"/>
  </si>
  <si>
    <t>朝明水源系取水施設（1号井）更新工事</t>
  </si>
  <si>
    <t>四日市市中村町地内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0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#,##0_ "/>
    <numFmt numFmtId="177" formatCode="0.00_ "/>
    <numFmt numFmtId="178" formatCode="0.000"/>
    <numFmt numFmtId="179" formatCode="&quot;(&quot;#,##0&quot;)&quot;"/>
    <numFmt numFmtId="180" formatCode="#,##0.0"/>
    <numFmt numFmtId="181" formatCode="0.000_ "/>
    <numFmt numFmtId="182" formatCode="hh:mm\ \T\K"/>
    <numFmt numFmtId="183" formatCode=";;;"/>
    <numFmt numFmtId="184" formatCode="_(&quot;$&quot;* #,##0_);_(&quot;$&quot;* \(#,##0\);_(&quot;$&quot;* &quot;-&quot;_);_(@_)"/>
    <numFmt numFmtId="185" formatCode="_(&quot;$&quot;* #,##0.00_);_(&quot;$&quot;* \(#,##0.00\);_(&quot;$&quot;* &quot;-&quot;??_);_(@_)"/>
    <numFmt numFmtId="186" formatCode="mm/dd/yy\ h:mm"/>
    <numFmt numFmtId="187" formatCode="mmmm/dd/yyyy\ h:mm"/>
    <numFmt numFmtId="188" formatCode="_-* #,##0.0_-;\-* #,##0.0_-;_-* &quot;-&quot;??_-;_-@_-"/>
    <numFmt numFmtId="189" formatCode="0.00000%"/>
    <numFmt numFmtId="190" formatCode="&quot;¥&quot;#,##0.0;[Red]&quot;¥&quot;\-#,##0.0"/>
    <numFmt numFmtId="191" formatCode="_(* #,##0_);_(* \(#,##0\);_(* &quot;-&quot;??_);_(@_)"/>
    <numFmt numFmtId="192" formatCode="&quot;$&quot;#,##0.00"/>
    <numFmt numFmtId="193" formatCode="&quot;[&quot;#,##0&quot;]&quot;"/>
    <numFmt numFmtId="194" formatCode="\(#,##0\)"/>
    <numFmt numFmtId="195" formatCode="#,##0\ &quot;&quot;"/>
    <numFmt numFmtId="196" formatCode="#,##0_);[Red]\(#,##0\)"/>
    <numFmt numFmtId="197" formatCode="#,##0.0;[Red]\-#,##0.0"/>
    <numFmt numFmtId="198" formatCode="0_ "/>
    <numFmt numFmtId="199" formatCode="###0"/>
    <numFmt numFmtId="200" formatCode="#,##0&quot; &quot;"/>
    <numFmt numFmtId="201" formatCode="#,##0\ "/>
    <numFmt numFmtId="202" formatCode="#,##0\ &quot; x&quot;"/>
    <numFmt numFmtId="203" formatCode="\(#,##0\);\(\(#,##0\)\)"/>
    <numFmt numFmtId="204" formatCode="#,##0.0000;[Red]\-#,##0.0000"/>
    <numFmt numFmtId="205" formatCode="#,##0\ &quot; +&quot;"/>
    <numFmt numFmtId="206" formatCode="0.0000_ "/>
    <numFmt numFmtId="207" formatCode="0.0"/>
    <numFmt numFmtId="208" formatCode="#,##0.0_ "/>
    <numFmt numFmtId="209" formatCode="0.00_);[Red]\(0.00\)"/>
    <numFmt numFmtId="210" formatCode="#,##0.0000_ ;[Red]\-#,##0.0000\ "/>
    <numFmt numFmtId="211" formatCode="#,##0\ ;\-#,##0\ ;_ * &quot;- &quot;_ ;_ @_ "/>
    <numFmt numFmtId="212" formatCode="_(&quot;¥&quot;* #,##0_);_(&quot;¥&quot;* \(#,##0\);_(&quot;¥&quot;* &quot;-&quot;??_);_(@_)"/>
    <numFmt numFmtId="213" formatCode="#,##0\-;&quot;▲&quot;#,##0\-"/>
    <numFmt numFmtId="214" formatCode="&quot;¥&quot;#,##0\-;&quot;¥&quot;&quot;▲&quot;#,##0\-"/>
    <numFmt numFmtId="215" formatCode="#,##0\ ;[Red]\-#,##0\ "/>
    <numFmt numFmtId="216" formatCode="###0.0;[Red]\-###0.0"/>
    <numFmt numFmtId="217" formatCode="###0.00;[Red]\-###0.00"/>
    <numFmt numFmtId="218" formatCode="#,##0.000\ ;[Red]\-#,##0.000\ "/>
    <numFmt numFmtId="219" formatCode="[$-411]ge\.m\.d;@"/>
    <numFmt numFmtId="220" formatCode="#,##0.00_ "/>
    <numFmt numFmtId="221" formatCode="#,##0.00;\-[$]#,##0.00"/>
    <numFmt numFmtId="222" formatCode="#&quot;!,&quot;##0;&quot;▲ &quot;#&quot;!,&quot;##0"/>
    <numFmt numFmtId="223" formatCode="0.000\%"/>
    <numFmt numFmtId="224" formatCode="0.0\%"/>
    <numFmt numFmtId="225" formatCode="\(####.000\)"/>
    <numFmt numFmtId="226" formatCode="_(* #,##0.00_);_(* \(#,##0.00\);_(* &quot;-&quot;??_);_(@_)"/>
    <numFmt numFmtId="227" formatCode="_(* #,##0_);_(* \(#,##0\);_(* &quot;-&quot;_);_(@_)"/>
    <numFmt numFmtId="228" formatCode="0.000;[Color3]&quot;¥&quot;\!\-0.000"/>
    <numFmt numFmtId="229" formatCode="0.&quot;-&quot;00&quot;-&quot;00&quot; &quot;"/>
    <numFmt numFmtId="230" formatCode="#,##0.000_ "/>
    <numFmt numFmtId="231" formatCode="#,##0.0000_ "/>
  </numFmts>
  <fonts count="83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2"/>
      <name val="Arial"/>
      <family val="2"/>
    </font>
    <font>
      <sz val="10"/>
      <name val="Arial"/>
      <family val="2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明朝"/>
      <family val="1"/>
      <charset val="128"/>
    </font>
    <font>
      <sz val="14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16"/>
      <name val="ＭＳ 明朝"/>
      <family val="1"/>
      <charset val="128"/>
    </font>
    <font>
      <sz val="10"/>
      <name val="明朝"/>
      <family val="1"/>
      <charset val="128"/>
    </font>
    <font>
      <sz val="10"/>
      <color indexed="8"/>
      <name val="Arial"/>
      <family val="2"/>
    </font>
    <font>
      <b/>
      <sz val="12"/>
      <name val="Helv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2"/>
      <name val="Arial"/>
      <family val="2"/>
    </font>
    <font>
      <sz val="11"/>
      <name val="Times New Roman"/>
      <family val="1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sz val="14"/>
      <color indexed="8"/>
      <name val="ＭＳ 明朝"/>
      <family val="1"/>
      <charset val="128"/>
    </font>
    <font>
      <b/>
      <sz val="9"/>
      <name val="Times New Roman"/>
      <family val="1"/>
    </font>
    <font>
      <sz val="11"/>
      <name val="ＪＳ明朝"/>
      <family val="1"/>
      <charset val="128"/>
    </font>
    <font>
      <sz val="9"/>
      <name val="細明朝体"/>
      <family val="3"/>
      <charset val="128"/>
    </font>
    <font>
      <sz val="9"/>
      <name val="明朝"/>
      <family val="1"/>
      <charset val="128"/>
    </font>
    <font>
      <sz val="14"/>
      <name val="ＭＳ Ｐ明朝"/>
      <family val="1"/>
      <charset val="128"/>
    </font>
    <font>
      <sz val="14"/>
      <name val="明朝"/>
      <family val="1"/>
      <charset val="128"/>
    </font>
    <font>
      <sz val="18"/>
      <name val="ＭＳ 明朝"/>
      <family val="1"/>
      <charset val="128"/>
    </font>
    <font>
      <sz val="9"/>
      <name val="ＭＳ 明朝"/>
      <family val="1"/>
      <charset val="128"/>
    </font>
    <font>
      <sz val="11"/>
      <name val="明朝"/>
      <family val="3"/>
      <charset val="128"/>
    </font>
    <font>
      <sz val="11"/>
      <color indexed="10"/>
      <name val="ＭＳ 明朝"/>
      <family val="1"/>
      <charset val="128"/>
    </font>
    <font>
      <sz val="11"/>
      <name val="¾©"/>
      <family val="1"/>
    </font>
    <font>
      <sz val="10"/>
      <name val="MS Sans Serif"/>
      <family val="2"/>
    </font>
    <font>
      <b/>
      <sz val="10"/>
      <name val="MS Sans Serif"/>
      <family val="2"/>
    </font>
    <font>
      <sz val="12"/>
      <name val="Times New Roman"/>
      <family val="1"/>
    </font>
    <font>
      <b/>
      <sz val="16"/>
      <color indexed="8"/>
      <name val="ＭＳ Ｐゴシック"/>
      <family val="3"/>
      <charset val="128"/>
    </font>
    <font>
      <sz val="16"/>
      <color indexed="8"/>
      <name val="ＭＳ Ｐ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明朝"/>
      <family val="1"/>
      <charset val="128"/>
    </font>
    <font>
      <sz val="8"/>
      <name val="明朝"/>
      <family val="1"/>
      <charset val="128"/>
    </font>
    <font>
      <sz val="9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2"/>
      <name val="リュウミンライト−ＫＬ"/>
      <family val="3"/>
      <charset val="128"/>
    </font>
    <font>
      <sz val="14"/>
      <name val="ＭＳ ・団"/>
      <family val="1"/>
      <charset val="128"/>
    </font>
    <font>
      <sz val="14"/>
      <name val="System"/>
      <charset val="128"/>
    </font>
    <font>
      <b/>
      <sz val="12"/>
      <name val="ＭＳ ゴシック"/>
      <family val="3"/>
      <charset val="128"/>
    </font>
    <font>
      <sz val="9.5"/>
      <name val="標準明朝"/>
      <family val="1"/>
      <charset val="128"/>
    </font>
    <font>
      <b/>
      <sz val="11"/>
      <name val="明朝"/>
      <family val="3"/>
      <charset val="128"/>
    </font>
    <font>
      <sz val="11"/>
      <color indexed="64"/>
      <name val="ＭＳ Ｐゴシック"/>
      <family val="3"/>
      <charset val="128"/>
    </font>
  </fonts>
  <fills count="34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9"/>
        <bgColor indexed="9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</patternFill>
    </fill>
    <fill>
      <patternFill patternType="solid">
        <fgColor indexed="41"/>
        <bgColor indexed="64"/>
      </patternFill>
    </fill>
    <fill>
      <patternFill patternType="solid">
        <fgColor indexed="13"/>
      </patternFill>
    </fill>
    <fill>
      <patternFill patternType="solid">
        <fgColor indexed="27"/>
        <bgColor indexed="64"/>
      </patternFill>
    </fill>
  </fills>
  <borders count="65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/>
      <top style="medium">
        <color indexed="8"/>
      </top>
      <bottom/>
      <diagonal/>
    </border>
    <border>
      <left style="double">
        <color indexed="8"/>
      </left>
      <right style="thin">
        <color indexed="8"/>
      </right>
      <top/>
      <bottom style="thin">
        <color indexed="8"/>
      </bottom>
      <diagonal/>
    </border>
    <border>
      <left/>
      <right style="thin">
        <color indexed="8"/>
      </right>
      <top/>
      <bottom style="double">
        <color indexed="8"/>
      </bottom>
      <diagonal/>
    </border>
    <border>
      <left/>
      <right/>
      <top style="thin">
        <color indexed="8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20"/>
      </bottom>
      <diagonal/>
    </border>
  </borders>
  <cellStyleXfs count="333">
    <xf numFmtId="0" fontId="0" fillId="0" borderId="0">
      <alignment vertical="center"/>
    </xf>
    <xf numFmtId="184" fontId="12" fillId="0" borderId="0" applyFont="0" applyFill="0" applyBorder="0" applyAlignment="0" applyProtection="0"/>
    <xf numFmtId="185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12" fillId="0" borderId="0"/>
    <xf numFmtId="9" fontId="12" fillId="2" borderId="0"/>
    <xf numFmtId="178" fontId="31" fillId="0" borderId="1" applyFont="0" applyFill="0" applyBorder="0" applyAlignment="0" applyProtection="0"/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1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2" fillId="0" borderId="0" applyNumberFormat="0" applyFill="0" applyBorder="0" applyAlignment="0" applyProtection="0"/>
    <xf numFmtId="0" fontId="47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180" fontId="5" fillId="0" borderId="0" applyFill="0" applyBorder="0" applyAlignment="0"/>
    <xf numFmtId="187" fontId="5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0" fontId="12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187" fontId="5" fillId="0" borderId="0" applyFill="0" applyBorder="0" applyAlignment="0"/>
    <xf numFmtId="0" fontId="12" fillId="0" borderId="0" applyFont="0" applyFill="0" applyBorder="0" applyAlignment="0" applyProtection="0"/>
    <xf numFmtId="186" fontId="5" fillId="0" borderId="0" applyFont="0" applyFill="0" applyBorder="0" applyAlignment="0" applyProtection="0"/>
    <xf numFmtId="188" fontId="12" fillId="0" borderId="0" applyFont="0" applyFill="0" applyBorder="0" applyAlignment="0" applyProtection="0"/>
    <xf numFmtId="0" fontId="46" fillId="0" borderId="0" applyNumberFormat="0" applyFont="0" applyBorder="0" applyAlignment="0" applyProtection="0"/>
    <xf numFmtId="0" fontId="12" fillId="0" borderId="0" applyFont="0" applyFill="0" applyBorder="0" applyAlignment="0" applyProtection="0"/>
    <xf numFmtId="187" fontId="5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33" fillId="0" borderId="2" applyNumberFormat="0" applyBorder="0">
      <alignment horizontal="centerContinuous"/>
    </xf>
    <xf numFmtId="14" fontId="32" fillId="0" borderId="0" applyFill="0" applyBorder="0" applyAlignment="0"/>
    <xf numFmtId="186" fontId="5" fillId="0" borderId="0" applyFill="0" applyBorder="0" applyAlignment="0"/>
    <xf numFmtId="187" fontId="5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187" fontId="5" fillId="0" borderId="0" applyFill="0" applyBorder="0" applyAlignment="0"/>
    <xf numFmtId="0" fontId="37" fillId="0" borderId="0">
      <alignment horizontal="left"/>
    </xf>
    <xf numFmtId="0" fontId="34" fillId="0" borderId="0" applyNumberFormat="0" applyFill="0" applyBorder="0" applyAlignment="0" applyProtection="0"/>
    <xf numFmtId="38" fontId="35" fillId="17" borderId="0" applyNumberFormat="0" applyBorder="0" applyAlignment="0" applyProtection="0"/>
    <xf numFmtId="0" fontId="11" fillId="0" borderId="3" applyNumberFormat="0" applyAlignment="0" applyProtection="0">
      <alignment horizontal="left" vertical="center"/>
    </xf>
    <xf numFmtId="0" fontId="11" fillId="0" borderId="4">
      <alignment horizontal="left" vertical="center"/>
    </xf>
    <xf numFmtId="0" fontId="36" fillId="0" borderId="0" applyNumberFormat="0" applyFill="0" applyBorder="0" applyAlignment="0" applyProtection="0">
      <alignment vertical="top"/>
      <protection locked="0"/>
    </xf>
    <xf numFmtId="10" fontId="35" fillId="18" borderId="5" applyNumberFormat="0" applyBorder="0" applyAlignment="0" applyProtection="0"/>
    <xf numFmtId="186" fontId="5" fillId="0" borderId="0" applyFill="0" applyBorder="0" applyAlignment="0"/>
    <xf numFmtId="187" fontId="5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187" fontId="5" fillId="0" borderId="0" applyFill="0" applyBorder="0" applyAlignment="0"/>
    <xf numFmtId="0" fontId="45" fillId="0" borderId="0" applyNumberFormat="0" applyFill="0" applyBorder="0" applyAlignment="0" applyProtection="0"/>
    <xf numFmtId="0" fontId="46" fillId="0" borderId="0" applyNumberFormat="0" applyFill="0" applyBorder="0" applyAlignment="0" applyProtection="0"/>
    <xf numFmtId="2" fontId="37" fillId="19" borderId="0"/>
    <xf numFmtId="0" fontId="48" fillId="0" borderId="0" applyBorder="0"/>
    <xf numFmtId="189" fontId="7" fillId="0" borderId="0"/>
    <xf numFmtId="0" fontId="12" fillId="0" borderId="0"/>
    <xf numFmtId="179" fontId="38" fillId="0" borderId="0" applyFont="0" applyFill="0" applyBorder="0" applyAlignment="0" applyProtection="0"/>
    <xf numFmtId="177" fontId="38" fillId="0" borderId="0" applyFont="0" applyFill="0" applyBorder="0" applyAlignment="0" applyProtection="0"/>
    <xf numFmtId="0" fontId="12" fillId="0" borderId="0" applyFont="0" applyFill="0" applyBorder="0" applyAlignment="0" applyProtection="0"/>
    <xf numFmtId="188" fontId="12" fillId="0" borderId="0" applyFont="0" applyFill="0" applyBorder="0" applyAlignment="0" applyProtection="0"/>
    <xf numFmtId="1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186" fontId="5" fillId="0" borderId="0" applyFill="0" applyBorder="0" applyAlignment="0"/>
    <xf numFmtId="187" fontId="5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187" fontId="5" fillId="0" borderId="0" applyFill="0" applyBorder="0" applyAlignment="0"/>
    <xf numFmtId="4" fontId="37" fillId="0" borderId="0">
      <alignment horizontal="right"/>
    </xf>
    <xf numFmtId="4" fontId="49" fillId="0" borderId="0">
      <alignment horizontal="right"/>
    </xf>
    <xf numFmtId="0" fontId="50" fillId="0" borderId="0">
      <alignment horizontal="left"/>
    </xf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39" fillId="0" borderId="0"/>
    <xf numFmtId="49" fontId="32" fillId="0" borderId="0" applyFill="0" applyBorder="0" applyAlignment="0"/>
    <xf numFmtId="0" fontId="12" fillId="0" borderId="0" applyFill="0" applyBorder="0" applyAlignment="0"/>
    <xf numFmtId="0" fontId="12" fillId="0" borderId="0" applyFill="0" applyBorder="0" applyAlignment="0"/>
    <xf numFmtId="0" fontId="52" fillId="0" borderId="0">
      <alignment horizontal="center"/>
    </xf>
    <xf numFmtId="0" fontId="42" fillId="0" borderId="6" applyNumberFormat="0" applyFill="0" applyBorder="0" applyAlignment="0" applyProtection="0">
      <alignment vertical="center"/>
    </xf>
    <xf numFmtId="190" fontId="38" fillId="0" borderId="0" applyFont="0" applyFill="0" applyBorder="0" applyAlignment="0" applyProtection="0"/>
    <xf numFmtId="181" fontId="38" fillId="0" borderId="0" applyFont="0" applyFill="0" applyBorder="0" applyAlignment="0" applyProtection="0"/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24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25" borderId="7" applyNumberFormat="0" applyAlignment="0" applyProtection="0">
      <alignment vertical="center"/>
    </xf>
    <xf numFmtId="0" fontId="15" fillId="26" borderId="0" applyNumberFormat="0" applyBorder="0" applyAlignment="0" applyProtection="0">
      <alignment vertical="center"/>
    </xf>
    <xf numFmtId="191" fontId="27" fillId="0" borderId="0" applyFont="0" applyFill="0" applyBorder="0" applyAlignment="0" applyProtection="0"/>
    <xf numFmtId="192" fontId="27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40" fillId="0" borderId="0"/>
    <xf numFmtId="0" fontId="5" fillId="27" borderId="8" applyNumberFormat="0" applyFont="0" applyAlignment="0" applyProtection="0">
      <alignment vertical="center"/>
    </xf>
    <xf numFmtId="41" fontId="12" fillId="0" borderId="0" applyFont="0" applyFill="0" applyBorder="0" applyAlignment="0" applyProtection="0"/>
    <xf numFmtId="4" fontId="40" fillId="0" borderId="0" applyFont="0" applyFill="0" applyBorder="0" applyAlignment="0" applyProtection="0"/>
    <xf numFmtId="0" fontId="16" fillId="0" borderId="9" applyNumberFormat="0" applyFill="0" applyAlignment="0" applyProtection="0">
      <alignment vertical="center"/>
    </xf>
    <xf numFmtId="0" fontId="17" fillId="4" borderId="0" applyNumberFormat="0" applyBorder="0" applyAlignment="0" applyProtection="0">
      <alignment vertical="center"/>
    </xf>
    <xf numFmtId="0" fontId="18" fillId="28" borderId="10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38" fontId="5" fillId="0" borderId="0" applyFont="0" applyFill="0" applyBorder="0" applyAlignment="0" applyProtection="0"/>
    <xf numFmtId="38" fontId="5" fillId="0" borderId="0" applyFont="0" applyFill="0" applyBorder="0" applyAlignment="0" applyProtection="0"/>
    <xf numFmtId="38" fontId="8" fillId="0" borderId="0" applyFont="0" applyFill="0" applyBorder="0" applyAlignment="0" applyProtection="0"/>
    <xf numFmtId="199" fontId="53" fillId="0" borderId="11" applyFill="0" applyBorder="0" applyProtection="0"/>
    <xf numFmtId="3" fontId="31" fillId="0" borderId="0" applyFont="0" applyFill="0" applyBorder="0" applyAlignment="0" applyProtection="0"/>
    <xf numFmtId="0" fontId="31" fillId="0" borderId="1" applyFont="0" applyFill="0" applyBorder="0" applyAlignment="0" applyProtection="0">
      <alignment horizontal="right"/>
    </xf>
    <xf numFmtId="4" fontId="31" fillId="0" borderId="1" applyFont="0" applyFill="0" applyBorder="0" applyAlignment="0" applyProtection="0"/>
    <xf numFmtId="0" fontId="20" fillId="0" borderId="12" applyNumberFormat="0" applyFill="0" applyAlignment="0" applyProtection="0">
      <alignment vertical="center"/>
    </xf>
    <xf numFmtId="0" fontId="21" fillId="0" borderId="13" applyNumberFormat="0" applyFill="0" applyAlignment="0" applyProtection="0">
      <alignment vertical="center"/>
    </xf>
    <xf numFmtId="0" fontId="22" fillId="0" borderId="14" applyNumberFormat="0" applyFill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31" fillId="0" borderId="0" applyNumberFormat="0" applyFill="0" applyBorder="0" applyAlignment="0" applyProtection="0"/>
    <xf numFmtId="0" fontId="54" fillId="0" borderId="0">
      <alignment wrapText="1"/>
    </xf>
    <xf numFmtId="0" fontId="41" fillId="0" borderId="0"/>
    <xf numFmtId="0" fontId="23" fillId="0" borderId="15" applyNumberFormat="0" applyFill="0" applyAlignment="0" applyProtection="0">
      <alignment vertical="center"/>
    </xf>
    <xf numFmtId="0" fontId="42" fillId="0" borderId="0" applyProtection="0">
      <alignment horizontal="center" textRotation="90"/>
    </xf>
    <xf numFmtId="0" fontId="42" fillId="0" borderId="0">
      <alignment horizontal="center" vertical="top" textRotation="90"/>
    </xf>
    <xf numFmtId="0" fontId="42" fillId="0" borderId="0" applyProtection="0">
      <alignment horizontal="center" vertical="center" textRotation="90"/>
    </xf>
    <xf numFmtId="0" fontId="24" fillId="28" borderId="16" applyNumberFormat="0" applyAlignment="0" applyProtection="0">
      <alignment vertical="center"/>
    </xf>
    <xf numFmtId="0" fontId="30" fillId="0" borderId="0">
      <alignment vertical="center"/>
    </xf>
    <xf numFmtId="2" fontId="55" fillId="0" borderId="17">
      <alignment horizontal="center"/>
    </xf>
    <xf numFmtId="0" fontId="25" fillId="0" borderId="0" applyNumberFormat="0" applyFill="0" applyBorder="0" applyAlignment="0" applyProtection="0">
      <alignment vertical="center"/>
    </xf>
    <xf numFmtId="0" fontId="31" fillId="0" borderId="0" applyNumberFormat="0" applyFill="0" applyBorder="0" applyAlignment="0" applyProtection="0">
      <alignment vertical="center"/>
    </xf>
    <xf numFmtId="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31" fillId="0" borderId="0" applyNumberFormat="0" applyFill="0" applyBorder="0" applyAlignment="0" applyProtection="0">
      <alignment horizontal="left"/>
    </xf>
    <xf numFmtId="0" fontId="26" fillId="8" borderId="10" applyNumberFormat="0" applyAlignment="0" applyProtection="0">
      <alignment vertical="center"/>
    </xf>
    <xf numFmtId="58" fontId="31" fillId="0" borderId="0" applyFont="0" applyFill="0" applyBorder="0" applyAlignment="0" applyProtection="0"/>
    <xf numFmtId="198" fontId="43" fillId="0" borderId="18" applyNumberFormat="0" applyFont="0" applyAlignment="0" applyProtection="0"/>
    <xf numFmtId="183" fontId="31" fillId="0" borderId="1" applyFont="0" applyFill="0" applyBorder="0" applyAlignment="0" applyProtection="0"/>
    <xf numFmtId="0" fontId="5" fillId="0" borderId="0"/>
    <xf numFmtId="0" fontId="5" fillId="0" borderId="0"/>
    <xf numFmtId="0" fontId="8" fillId="0" borderId="0"/>
    <xf numFmtId="182" fontId="8" fillId="0" borderId="0"/>
    <xf numFmtId="0" fontId="5" fillId="0" borderId="19" applyNumberFormat="0" applyBorder="0"/>
    <xf numFmtId="0" fontId="27" fillId="0" borderId="0"/>
    <xf numFmtId="0" fontId="28" fillId="0" borderId="0"/>
    <xf numFmtId="0" fontId="29" fillId="5" borderId="0" applyNumberFormat="0" applyBorder="0" applyAlignment="0" applyProtection="0">
      <alignment vertical="center"/>
    </xf>
    <xf numFmtId="38" fontId="9" fillId="0" borderId="0" applyFont="0" applyFill="0" applyBorder="0" applyAlignment="0" applyProtection="0">
      <alignment vertical="center"/>
    </xf>
    <xf numFmtId="0" fontId="60" fillId="0" borderId="0"/>
    <xf numFmtId="40" fontId="62" fillId="0" borderId="0" applyFont="0" applyFill="0" applyBorder="0" applyAlignment="0" applyProtection="0"/>
    <xf numFmtId="8" fontId="62" fillId="0" borderId="0" applyFont="0" applyFill="0" applyBorder="0" applyAlignment="0" applyProtection="0"/>
    <xf numFmtId="0" fontId="41" fillId="0" borderId="52" applyNumberFormat="0" applyFont="0" applyFill="0" applyAlignment="0" applyProtection="0"/>
    <xf numFmtId="38" fontId="31" fillId="0" borderId="0">
      <alignment vertical="center"/>
      <protection hidden="1"/>
    </xf>
    <xf numFmtId="180" fontId="5" fillId="0" borderId="0" applyFill="0" applyBorder="0" applyAlignment="0"/>
    <xf numFmtId="180" fontId="5" fillId="0" borderId="0" applyFill="0" applyBorder="0" applyAlignment="0"/>
    <xf numFmtId="0" fontId="63" fillId="0" borderId="0" applyNumberFormat="0" applyFont="0" applyFill="0" applyBorder="0" applyAlignment="0" applyProtection="0">
      <alignment horizontal="left"/>
    </xf>
    <xf numFmtId="0" fontId="64" fillId="0" borderId="24">
      <alignment horizontal="center"/>
    </xf>
    <xf numFmtId="0" fontId="43" fillId="0" borderId="0"/>
    <xf numFmtId="0" fontId="43" fillId="0" borderId="0"/>
    <xf numFmtId="0" fontId="63" fillId="0" borderId="0"/>
    <xf numFmtId="0" fontId="8" fillId="0" borderId="22" applyNumberFormat="0" applyFill="0" applyBorder="0" applyAlignment="0" applyProtection="0">
      <alignment horizontal="distributed" vertical="center" justifyLastLine="1"/>
    </xf>
    <xf numFmtId="0" fontId="61" fillId="29" borderId="0" applyNumberFormat="0" applyBorder="0" applyAlignment="0" applyProtection="0">
      <alignment vertical="center"/>
    </xf>
    <xf numFmtId="0" fontId="65" fillId="0" borderId="51" applyFill="0" applyBorder="0" applyProtection="0">
      <alignment horizontal="left"/>
    </xf>
    <xf numFmtId="211" fontId="42" fillId="0" borderId="0" applyFill="0" applyBorder="0" applyAlignment="0" applyProtection="0">
      <alignment vertical="center"/>
    </xf>
    <xf numFmtId="0" fontId="66" fillId="30" borderId="0">
      <alignment horizontal="right" vertical="top"/>
    </xf>
    <xf numFmtId="0" fontId="61" fillId="29" borderId="0" applyNumberFormat="0" applyBorder="0" applyAlignment="0" applyProtection="0"/>
    <xf numFmtId="212" fontId="7" fillId="19" borderId="20" applyFont="0" applyFill="0" applyBorder="0" applyAlignment="0" applyProtection="0">
      <protection locked="0"/>
    </xf>
    <xf numFmtId="197" fontId="6" fillId="0" borderId="35"/>
    <xf numFmtId="38" fontId="5" fillId="0" borderId="0" applyFont="0" applyFill="0" applyBorder="0" applyAlignment="0" applyProtection="0">
      <alignment vertical="center"/>
    </xf>
    <xf numFmtId="213" fontId="31" fillId="0" borderId="23">
      <protection locked="0"/>
    </xf>
    <xf numFmtId="213" fontId="31" fillId="0" borderId="23">
      <protection locked="0"/>
    </xf>
    <xf numFmtId="214" fontId="31" fillId="0" borderId="23">
      <protection locked="0"/>
    </xf>
    <xf numFmtId="0" fontId="28" fillId="0" borderId="54">
      <alignment horizontal="center"/>
    </xf>
    <xf numFmtId="215" fontId="48" fillId="0" borderId="0" applyFill="0" applyBorder="0" applyProtection="0">
      <alignment vertical="center"/>
    </xf>
    <xf numFmtId="216" fontId="65" fillId="0" borderId="0" applyFill="0" applyBorder="0" applyProtection="0">
      <alignment vertical="center"/>
    </xf>
    <xf numFmtId="217" fontId="65" fillId="0" borderId="0" applyFill="0" applyBorder="0" applyProtection="0">
      <alignment vertical="center"/>
    </xf>
    <xf numFmtId="218" fontId="65" fillId="0" borderId="0" applyFill="0" applyBorder="0" applyProtection="0">
      <alignment vertical="center"/>
    </xf>
    <xf numFmtId="0" fontId="7" fillId="0" borderId="0" applyFill="0" applyBorder="0" applyProtection="0">
      <alignment horizontal="center" vertical="center"/>
    </xf>
    <xf numFmtId="42" fontId="42" fillId="0" borderId="0" applyFill="0" applyBorder="0" applyAlignment="0" applyProtection="0">
      <alignment horizontal="center" vertical="center"/>
    </xf>
    <xf numFmtId="207" fontId="67" fillId="30" borderId="55">
      <alignment horizontal="right"/>
    </xf>
    <xf numFmtId="0" fontId="51" fillId="0" borderId="0" applyNumberFormat="0" applyFont="0" applyBorder="0" applyAlignment="0" applyProtection="0"/>
    <xf numFmtId="0" fontId="46" fillId="0" borderId="0" applyFill="0" applyBorder="0" applyProtection="0">
      <alignment vertical="center"/>
    </xf>
    <xf numFmtId="0" fontId="68" fillId="0" borderId="0" applyFill="0" applyBorder="0" applyProtection="0">
      <alignment vertical="center"/>
    </xf>
    <xf numFmtId="0" fontId="69" fillId="0" borderId="0" applyFill="0" applyBorder="0" applyProtection="0"/>
    <xf numFmtId="0" fontId="70" fillId="0" borderId="0" applyFill="0" applyBorder="0" applyProtection="0">
      <alignment horizontal="left"/>
    </xf>
    <xf numFmtId="0" fontId="71" fillId="0" borderId="53" applyFill="0" applyBorder="0" applyProtection="0">
      <alignment horizontal="left" vertical="center"/>
    </xf>
    <xf numFmtId="6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31" fillId="0" borderId="0" applyProtection="0">
      <alignment horizontal="center"/>
    </xf>
    <xf numFmtId="219" fontId="5" fillId="0" borderId="0"/>
    <xf numFmtId="219" fontId="3" fillId="0" borderId="0">
      <alignment vertical="center"/>
    </xf>
    <xf numFmtId="0" fontId="27" fillId="0" borderId="0"/>
    <xf numFmtId="0" fontId="27" fillId="0" borderId="0"/>
    <xf numFmtId="0" fontId="27" fillId="0" borderId="0"/>
    <xf numFmtId="0" fontId="5" fillId="0" borderId="0"/>
    <xf numFmtId="0" fontId="5" fillId="0" borderId="0"/>
    <xf numFmtId="0" fontId="5" fillId="0" borderId="0"/>
    <xf numFmtId="0" fontId="72" fillId="0" borderId="0"/>
    <xf numFmtId="0" fontId="31" fillId="0" borderId="0"/>
    <xf numFmtId="0" fontId="8" fillId="0" borderId="0" applyNumberFormat="0" applyBorder="0" applyAlignment="0"/>
    <xf numFmtId="0" fontId="41" fillId="0" borderId="0" applyBorder="0">
      <alignment vertical="center"/>
    </xf>
    <xf numFmtId="38" fontId="74" fillId="0" borderId="0" applyFont="0" applyFill="0" applyBorder="0" applyAlignment="0" applyProtection="0">
      <alignment vertical="center"/>
    </xf>
    <xf numFmtId="38" fontId="9" fillId="0" borderId="0" applyFont="0" applyFill="0" applyBorder="0" applyAlignment="0" applyProtection="0">
      <alignment vertical="center"/>
    </xf>
    <xf numFmtId="0" fontId="42" fillId="0" borderId="0"/>
    <xf numFmtId="0" fontId="5" fillId="0" borderId="0"/>
    <xf numFmtId="38" fontId="8" fillId="0" borderId="0" applyFill="0" applyBorder="0" applyAlignment="0" applyProtection="0"/>
    <xf numFmtId="0" fontId="8" fillId="0" borderId="0" applyFill="0" applyBorder="0"/>
    <xf numFmtId="0" fontId="12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75" fillId="0" borderId="0"/>
    <xf numFmtId="221" fontId="8" fillId="0" borderId="0" applyFill="0" applyBorder="0" applyAlignment="0" applyProtection="0"/>
    <xf numFmtId="0" fontId="8" fillId="0" borderId="58">
      <alignment horizontal="center"/>
    </xf>
    <xf numFmtId="222" fontId="8" fillId="0" borderId="0"/>
    <xf numFmtId="222" fontId="8" fillId="0" borderId="0"/>
    <xf numFmtId="0" fontId="41" fillId="0" borderId="59"/>
    <xf numFmtId="38" fontId="5" fillId="0" borderId="0" applyFont="0" applyFill="0" applyBorder="0" applyAlignment="0" applyProtection="0"/>
    <xf numFmtId="38" fontId="8" fillId="0" borderId="0" applyFill="0" applyBorder="0" applyAlignment="0" applyProtection="0"/>
    <xf numFmtId="3" fontId="76" fillId="0" borderId="0" applyBorder="0">
      <alignment vertical="center"/>
    </xf>
    <xf numFmtId="3" fontId="76" fillId="0" borderId="57">
      <alignment vertical="center"/>
    </xf>
    <xf numFmtId="3" fontId="76" fillId="0" borderId="60">
      <alignment vertical="center"/>
    </xf>
    <xf numFmtId="3" fontId="76" fillId="0" borderId="61">
      <alignment vertical="center"/>
    </xf>
    <xf numFmtId="0" fontId="5" fillId="0" borderId="0" applyNumberFormat="0" applyBorder="0" applyAlignment="0"/>
    <xf numFmtId="223" fontId="8" fillId="0" borderId="0" applyFill="0" applyBorder="0" applyAlignment="0" applyProtection="0"/>
    <xf numFmtId="224" fontId="8" fillId="0" borderId="0" applyFill="0" applyBorder="0" applyAlignment="0" applyProtection="0"/>
    <xf numFmtId="0" fontId="5" fillId="0" borderId="0"/>
    <xf numFmtId="0" fontId="5" fillId="0" borderId="0"/>
    <xf numFmtId="0" fontId="74" fillId="0" borderId="0">
      <alignment vertical="center"/>
    </xf>
    <xf numFmtId="0" fontId="74" fillId="0" borderId="0">
      <alignment vertical="center"/>
    </xf>
    <xf numFmtId="225" fontId="8" fillId="0" borderId="0"/>
    <xf numFmtId="0" fontId="77" fillId="0" borderId="0"/>
    <xf numFmtId="0" fontId="5" fillId="0" borderId="0">
      <alignment vertical="center"/>
    </xf>
    <xf numFmtId="38" fontId="27" fillId="0" borderId="0" applyFont="0" applyFill="0" applyBorder="0" applyAlignment="0" applyProtection="0"/>
    <xf numFmtId="219" fontId="2" fillId="0" borderId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38" fontId="74" fillId="0" borderId="0" applyFont="0" applyFill="0" applyBorder="0" applyAlignment="0" applyProtection="0">
      <alignment vertical="center"/>
    </xf>
    <xf numFmtId="38" fontId="9" fillId="0" borderId="0" applyFont="0" applyFill="0" applyBorder="0" applyAlignment="0" applyProtection="0">
      <alignment vertical="center"/>
    </xf>
    <xf numFmtId="38" fontId="9" fillId="0" borderId="0" applyFont="0" applyFill="0" applyBorder="0" applyAlignment="0" applyProtection="0">
      <alignment vertical="center"/>
    </xf>
    <xf numFmtId="3" fontId="76" fillId="0" borderId="35" applyBorder="0">
      <alignment vertical="center"/>
    </xf>
    <xf numFmtId="3" fontId="76" fillId="0" borderId="35">
      <alignment vertical="center"/>
    </xf>
    <xf numFmtId="3" fontId="76" fillId="0" borderId="56">
      <alignment vertical="center"/>
    </xf>
    <xf numFmtId="3" fontId="76" fillId="0" borderId="63">
      <alignment vertical="center"/>
    </xf>
    <xf numFmtId="0" fontId="42" fillId="0" borderId="53"/>
    <xf numFmtId="219" fontId="2" fillId="0" borderId="0">
      <alignment vertical="center"/>
    </xf>
    <xf numFmtId="0" fontId="74" fillId="0" borderId="0">
      <alignment vertical="center"/>
    </xf>
    <xf numFmtId="226" fontId="12" fillId="0" borderId="0" applyFont="0" applyFill="0" applyBorder="0" applyAlignment="0" applyProtection="0"/>
    <xf numFmtId="227" fontId="12" fillId="0" borderId="0" applyFont="0" applyFill="0" applyBorder="0" applyAlignment="0" applyProtection="0"/>
    <xf numFmtId="38" fontId="31" fillId="0" borderId="0" applyFont="0" applyFill="0" applyBorder="0" applyAlignment="0" applyProtection="0"/>
    <xf numFmtId="9" fontId="57" fillId="0" borderId="0" applyFont="0" applyFill="0" applyBorder="0" applyAlignment="0" applyProtection="0"/>
    <xf numFmtId="38" fontId="57" fillId="0" borderId="0" applyFont="0" applyFill="0" applyBorder="0" applyAlignment="0" applyProtection="0"/>
    <xf numFmtId="0" fontId="57" fillId="0" borderId="0"/>
    <xf numFmtId="178" fontId="78" fillId="0" borderId="0" applyFont="0" applyFill="0" applyBorder="0" applyAlignment="0" applyProtection="0"/>
    <xf numFmtId="228" fontId="78" fillId="0" borderId="0" applyFont="0" applyFill="0" applyBorder="0" applyAlignment="0" applyProtection="0"/>
    <xf numFmtId="2" fontId="45" fillId="0" borderId="0">
      <alignment vertical="center"/>
    </xf>
    <xf numFmtId="0" fontId="28" fillId="0" borderId="0">
      <alignment horizontal="center"/>
    </xf>
    <xf numFmtId="229" fontId="78" fillId="0" borderId="0" applyFont="0" applyFill="0" applyBorder="0" applyAlignment="0" applyProtection="0"/>
    <xf numFmtId="0" fontId="78" fillId="0" borderId="0" applyFont="0" applyFill="0" applyBorder="0" applyAlignment="0" applyProtection="0"/>
    <xf numFmtId="0" fontId="8" fillId="0" borderId="0">
      <alignment horizontal="distributed" vertical="center"/>
    </xf>
    <xf numFmtId="40" fontId="42" fillId="0" borderId="38">
      <alignment vertical="center"/>
    </xf>
    <xf numFmtId="0" fontId="79" fillId="0" borderId="0">
      <alignment vertical="center"/>
    </xf>
    <xf numFmtId="0" fontId="44" fillId="0" borderId="0">
      <alignment horizontal="center"/>
    </xf>
    <xf numFmtId="208" fontId="5" fillId="0" borderId="0" applyFont="0" applyFill="0" applyBorder="0" applyAlignment="0" applyProtection="0">
      <alignment vertical="center"/>
    </xf>
    <xf numFmtId="208" fontId="8" fillId="0" borderId="0" applyFont="0" applyFill="0" applyBorder="0" applyAlignment="0" applyProtection="0">
      <alignment vertical="center"/>
    </xf>
    <xf numFmtId="220" fontId="5" fillId="0" borderId="0" applyFont="0" applyFill="0" applyBorder="0" applyAlignment="0" applyProtection="0">
      <alignment vertical="center"/>
    </xf>
    <xf numFmtId="220" fontId="8" fillId="0" borderId="0" applyFont="0" applyFill="0" applyBorder="0" applyAlignment="0" applyProtection="0">
      <alignment vertical="center"/>
    </xf>
    <xf numFmtId="230" fontId="5" fillId="0" borderId="0" applyFont="0" applyFill="0" applyBorder="0" applyAlignment="0" applyProtection="0">
      <alignment vertical="center"/>
    </xf>
    <xf numFmtId="230" fontId="8" fillId="0" borderId="0" applyFont="0" applyFill="0" applyBorder="0" applyAlignment="0" applyProtection="0">
      <alignment vertical="center"/>
    </xf>
    <xf numFmtId="231" fontId="5" fillId="0" borderId="0" applyFont="0" applyFill="0" applyBorder="0" applyAlignment="0" applyProtection="0">
      <alignment vertical="center"/>
    </xf>
    <xf numFmtId="231" fontId="8" fillId="0" borderId="0" applyFont="0" applyFill="0" applyBorder="0" applyAlignment="0" applyProtection="0"/>
    <xf numFmtId="176" fontId="8" fillId="0" borderId="0" applyFont="0" applyFill="0" applyBorder="0" applyAlignment="0" applyProtection="0">
      <alignment vertical="center"/>
    </xf>
    <xf numFmtId="0" fontId="56" fillId="0" borderId="0">
      <alignment horizontal="center" vertical="center"/>
    </xf>
    <xf numFmtId="0" fontId="7" fillId="0" borderId="5">
      <alignment horizontal="left" vertical="center"/>
    </xf>
    <xf numFmtId="37" fontId="27" fillId="20" borderId="62"/>
    <xf numFmtId="178" fontId="80" fillId="32" borderId="38" applyNumberFormat="0" applyBorder="0" applyAlignment="0">
      <protection locked="0"/>
    </xf>
    <xf numFmtId="0" fontId="80" fillId="32" borderId="0" applyNumberFormat="0" applyBorder="0" applyAlignment="0">
      <protection locked="0"/>
    </xf>
    <xf numFmtId="178" fontId="80" fillId="32" borderId="64" applyBorder="0" applyAlignment="0">
      <protection locked="0"/>
    </xf>
    <xf numFmtId="176" fontId="61" fillId="31" borderId="0" applyNumberFormat="0" applyBorder="0" applyAlignment="0">
      <alignment vertical="center"/>
      <protection locked="0"/>
    </xf>
    <xf numFmtId="0" fontId="42" fillId="0" borderId="0"/>
    <xf numFmtId="0" fontId="81" fillId="33" borderId="5">
      <alignment horizontal="center" vertical="center"/>
      <protection locked="0"/>
    </xf>
    <xf numFmtId="49" fontId="41" fillId="0" borderId="5" applyFont="0" applyFill="0" applyBorder="0" applyAlignment="0" applyProtection="0"/>
    <xf numFmtId="176" fontId="8" fillId="0" borderId="0" applyNumberFormat="0" applyFont="0" applyBorder="0" applyAlignment="0">
      <alignment vertical="center"/>
    </xf>
    <xf numFmtId="0" fontId="73" fillId="0" borderId="53" applyNumberFormat="0" applyFont="0" applyAlignment="0"/>
    <xf numFmtId="0" fontId="82" fillId="0" borderId="0"/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38" fontId="9" fillId="0" borderId="0" applyFont="0" applyFill="0" applyBorder="0" applyAlignment="0" applyProtection="0">
      <alignment vertical="center"/>
    </xf>
    <xf numFmtId="0" fontId="9" fillId="0" borderId="0">
      <alignment vertical="center"/>
    </xf>
    <xf numFmtId="0" fontId="41" fillId="0" borderId="0"/>
    <xf numFmtId="0" fontId="8" fillId="0" borderId="0"/>
    <xf numFmtId="0" fontId="28" fillId="0" borderId="0"/>
    <xf numFmtId="219" fontId="5" fillId="0" borderId="0"/>
    <xf numFmtId="0" fontId="5" fillId="0" borderId="0">
      <alignment vertical="center"/>
    </xf>
  </cellStyleXfs>
  <cellXfs count="135">
    <xf numFmtId="0" fontId="0" fillId="0" borderId="0" xfId="0">
      <alignment vertical="center"/>
    </xf>
    <xf numFmtId="0" fontId="41" fillId="0" borderId="0" xfId="175" applyFont="1"/>
    <xf numFmtId="0" fontId="41" fillId="0" borderId="0" xfId="175" applyFont="1" applyAlignment="1">
      <alignment horizontal="center"/>
    </xf>
    <xf numFmtId="38" fontId="41" fillId="0" borderId="0" xfId="136" applyFont="1" applyFill="1"/>
    <xf numFmtId="0" fontId="41" fillId="0" borderId="0" xfId="175" applyFont="1" applyFill="1"/>
    <xf numFmtId="0" fontId="41" fillId="0" borderId="40" xfId="175" applyFont="1" applyBorder="1"/>
    <xf numFmtId="0" fontId="41" fillId="0" borderId="2" xfId="175" applyFont="1" applyBorder="1"/>
    <xf numFmtId="0" fontId="42" fillId="0" borderId="46" xfId="175" applyFont="1" applyFill="1" applyBorder="1" applyAlignment="1"/>
    <xf numFmtId="38" fontId="41" fillId="0" borderId="46" xfId="136" applyFont="1" applyFill="1" applyBorder="1" applyAlignment="1"/>
    <xf numFmtId="0" fontId="41" fillId="0" borderId="47" xfId="175" applyFont="1" applyFill="1" applyBorder="1"/>
    <xf numFmtId="0" fontId="41" fillId="0" borderId="0" xfId="175" applyFont="1" applyBorder="1"/>
    <xf numFmtId="0" fontId="41" fillId="0" borderId="48" xfId="175" applyFont="1" applyBorder="1" applyAlignment="1">
      <alignment horizontal="distributed" vertical="center" justifyLastLine="1"/>
    </xf>
    <xf numFmtId="0" fontId="41" fillId="0" borderId="32" xfId="175" applyFont="1" applyBorder="1" applyAlignment="1">
      <alignment horizontal="distributed" vertical="center" justifyLastLine="1"/>
    </xf>
    <xf numFmtId="0" fontId="41" fillId="0" borderId="5" xfId="175" applyFont="1" applyBorder="1" applyAlignment="1">
      <alignment horizontal="distributed" vertical="center" justifyLastLine="1"/>
    </xf>
    <xf numFmtId="38" fontId="41" fillId="0" borderId="5" xfId="136" applyFont="1" applyFill="1" applyBorder="1" applyAlignment="1">
      <alignment horizontal="distributed" vertical="center" justifyLastLine="1"/>
    </xf>
    <xf numFmtId="0" fontId="41" fillId="0" borderId="27" xfId="175" applyFont="1" applyFill="1" applyBorder="1"/>
    <xf numFmtId="0" fontId="8" fillId="0" borderId="43" xfId="175" applyFont="1" applyBorder="1" applyAlignment="1">
      <alignment horizontal="distributed"/>
    </xf>
    <xf numFmtId="0" fontId="8" fillId="0" borderId="30" xfId="175" applyFont="1" applyBorder="1" applyAlignment="1">
      <alignment horizontal="distributed"/>
    </xf>
    <xf numFmtId="0" fontId="8" fillId="0" borderId="6" xfId="175" applyFont="1" applyBorder="1" applyAlignment="1">
      <alignment horizontal="distributed"/>
    </xf>
    <xf numFmtId="0" fontId="8" fillId="0" borderId="6" xfId="175" applyFont="1" applyBorder="1" applyAlignment="1">
      <alignment horizontal="center"/>
    </xf>
    <xf numFmtId="193" fontId="8" fillId="0" borderId="6" xfId="136" applyNumberFormat="1" applyFont="1" applyFill="1" applyBorder="1"/>
    <xf numFmtId="0" fontId="42" fillId="0" borderId="29" xfId="175" applyFont="1" applyFill="1" applyBorder="1" applyAlignment="1">
      <alignment horizontal="center"/>
    </xf>
    <xf numFmtId="0" fontId="42" fillId="0" borderId="29" xfId="175" applyFont="1" applyFill="1" applyBorder="1"/>
    <xf numFmtId="0" fontId="41" fillId="0" borderId="33" xfId="175" applyFont="1" applyFill="1" applyBorder="1"/>
    <xf numFmtId="0" fontId="8" fillId="0" borderId="26" xfId="175" applyFont="1" applyBorder="1" applyAlignment="1">
      <alignment horizontal="distributed"/>
    </xf>
    <xf numFmtId="0" fontId="8" fillId="0" borderId="36" xfId="175" applyFont="1" applyBorder="1" applyAlignment="1">
      <alignment horizontal="distributed"/>
    </xf>
    <xf numFmtId="0" fontId="8" fillId="0" borderId="34" xfId="175" applyFont="1" applyBorder="1" applyAlignment="1">
      <alignment horizontal="distributed"/>
    </xf>
    <xf numFmtId="0" fontId="8" fillId="0" borderId="34" xfId="175" applyFont="1" applyBorder="1" applyAlignment="1">
      <alignment horizontal="center"/>
    </xf>
    <xf numFmtId="38" fontId="42" fillId="0" borderId="0" xfId="175" applyNumberFormat="1" applyFont="1" applyFill="1" applyBorder="1" applyAlignment="1">
      <alignment horizontal="center"/>
    </xf>
    <xf numFmtId="38" fontId="42" fillId="0" borderId="0" xfId="175" applyNumberFormat="1" applyFont="1" applyFill="1" applyBorder="1" applyAlignment="1">
      <alignment horizontal="left"/>
    </xf>
    <xf numFmtId="10" fontId="42" fillId="0" borderId="0" xfId="126" applyNumberFormat="1" applyFont="1" applyFill="1" applyBorder="1" applyAlignment="1">
      <alignment horizontal="left"/>
    </xf>
    <xf numFmtId="0" fontId="41" fillId="0" borderId="39" xfId="175" applyFont="1" applyFill="1" applyBorder="1"/>
    <xf numFmtId="0" fontId="8" fillId="0" borderId="42" xfId="175" applyFont="1" applyBorder="1" applyAlignment="1">
      <alignment horizontal="left"/>
    </xf>
    <xf numFmtId="0" fontId="8" fillId="0" borderId="38" xfId="175" applyFont="1" applyBorder="1" applyAlignment="1">
      <alignment horizontal="distributed"/>
    </xf>
    <xf numFmtId="0" fontId="8" fillId="0" borderId="35" xfId="175" applyFont="1" applyBorder="1" applyAlignment="1">
      <alignment horizontal="distributed"/>
    </xf>
    <xf numFmtId="0" fontId="8" fillId="0" borderId="35" xfId="175" applyFont="1" applyBorder="1" applyAlignment="1">
      <alignment horizontal="center"/>
    </xf>
    <xf numFmtId="10" fontId="42" fillId="0" borderId="37" xfId="126" applyNumberFormat="1" applyFont="1" applyFill="1" applyBorder="1" applyAlignment="1">
      <alignment horizontal="left"/>
    </xf>
    <xf numFmtId="0" fontId="41" fillId="0" borderId="41" xfId="175" applyFont="1" applyFill="1" applyBorder="1"/>
    <xf numFmtId="195" fontId="8" fillId="0" borderId="34" xfId="136" applyNumberFormat="1" applyFont="1" applyFill="1" applyBorder="1"/>
    <xf numFmtId="0" fontId="8" fillId="0" borderId="26" xfId="175" applyFont="1" applyBorder="1" applyAlignment="1">
      <alignment horizontal="left"/>
    </xf>
    <xf numFmtId="0" fontId="8" fillId="0" borderId="36" xfId="175" applyFont="1" applyBorder="1" applyAlignment="1">
      <alignment horizontal="left"/>
    </xf>
    <xf numFmtId="0" fontId="42" fillId="0" borderId="41" xfId="175" applyFont="1" applyFill="1" applyBorder="1"/>
    <xf numFmtId="38" fontId="42" fillId="0" borderId="28" xfId="136" applyFont="1" applyFill="1" applyBorder="1"/>
    <xf numFmtId="38" fontId="42" fillId="0" borderId="29" xfId="136" applyFont="1" applyFill="1" applyBorder="1"/>
    <xf numFmtId="201" fontId="8" fillId="0" borderId="34" xfId="136" applyNumberFormat="1" applyFont="1" applyFill="1" applyBorder="1"/>
    <xf numFmtId="0" fontId="8" fillId="0" borderId="42" xfId="175" applyFont="1" applyBorder="1" applyAlignment="1">
      <alignment horizontal="distributed"/>
    </xf>
    <xf numFmtId="0" fontId="8" fillId="0" borderId="35" xfId="175" applyFont="1" applyBorder="1" applyAlignment="1">
      <alignment horizontal="left"/>
    </xf>
    <xf numFmtId="200" fontId="8" fillId="0" borderId="35" xfId="136" applyNumberFormat="1" applyFont="1" applyFill="1" applyBorder="1"/>
    <xf numFmtId="202" fontId="42" fillId="0" borderId="17" xfId="136" applyNumberFormat="1" applyFont="1" applyFill="1" applyBorder="1" applyAlignment="1">
      <alignment horizontal="center"/>
    </xf>
    <xf numFmtId="40" fontId="42" fillId="0" borderId="37" xfId="136" applyNumberFormat="1" applyFont="1" applyFill="1" applyBorder="1" applyAlignment="1">
      <alignment horizontal="center"/>
    </xf>
    <xf numFmtId="203" fontId="42" fillId="0" borderId="37" xfId="175" applyNumberFormat="1" applyFont="1" applyFill="1" applyBorder="1" applyAlignment="1">
      <alignment horizontal="center"/>
    </xf>
    <xf numFmtId="38" fontId="8" fillId="0" borderId="6" xfId="136" applyFont="1" applyFill="1" applyBorder="1"/>
    <xf numFmtId="200" fontId="8" fillId="0" borderId="34" xfId="136" applyNumberFormat="1" applyFont="1" applyFill="1" applyBorder="1"/>
    <xf numFmtId="0" fontId="8" fillId="0" borderId="38" xfId="175" applyFont="1" applyBorder="1" applyAlignment="1">
      <alignment horizontal="left"/>
    </xf>
    <xf numFmtId="205" fontId="42" fillId="0" borderId="17" xfId="136" applyNumberFormat="1" applyFont="1" applyFill="1" applyBorder="1" applyAlignment="1">
      <alignment horizontal="right"/>
    </xf>
    <xf numFmtId="38" fontId="42" fillId="0" borderId="37" xfId="136" applyFont="1" applyFill="1" applyBorder="1" applyAlignment="1">
      <alignment horizontal="center"/>
    </xf>
    <xf numFmtId="0" fontId="42" fillId="0" borderId="37" xfId="175" applyFont="1" applyFill="1" applyBorder="1"/>
    <xf numFmtId="0" fontId="8" fillId="0" borderId="34" xfId="175" applyFont="1" applyBorder="1" applyAlignment="1">
      <alignment horizontal="left"/>
    </xf>
    <xf numFmtId="205" fontId="42" fillId="0" borderId="21" xfId="136" applyNumberFormat="1" applyFont="1" applyFill="1" applyBorder="1" applyAlignment="1">
      <alignment horizontal="center"/>
    </xf>
    <xf numFmtId="38" fontId="42" fillId="0" borderId="0" xfId="136" applyFont="1" applyFill="1" applyBorder="1" applyAlignment="1">
      <alignment horizontal="center"/>
    </xf>
    <xf numFmtId="0" fontId="42" fillId="0" borderId="0" xfId="175" applyFont="1" applyFill="1" applyBorder="1"/>
    <xf numFmtId="200" fontId="8" fillId="0" borderId="6" xfId="136" applyNumberFormat="1" applyFont="1" applyFill="1" applyBorder="1"/>
    <xf numFmtId="205" fontId="42" fillId="0" borderId="37" xfId="136" applyNumberFormat="1" applyFont="1" applyFill="1" applyBorder="1" applyAlignment="1">
      <alignment horizontal="center"/>
    </xf>
    <xf numFmtId="200" fontId="42" fillId="0" borderId="37" xfId="175" applyNumberFormat="1" applyFont="1" applyFill="1" applyBorder="1" applyAlignment="1">
      <alignment horizontal="center"/>
    </xf>
    <xf numFmtId="0" fontId="60" fillId="0" borderId="6" xfId="175" applyFont="1" applyBorder="1" applyAlignment="1">
      <alignment horizontal="distributed"/>
    </xf>
    <xf numFmtId="0" fontId="41" fillId="0" borderId="35" xfId="175" applyFont="1" applyBorder="1"/>
    <xf numFmtId="196" fontId="42" fillId="0" borderId="17" xfId="136" applyNumberFormat="1" applyFont="1" applyFill="1" applyBorder="1" applyAlignment="1">
      <alignment horizontal="right"/>
    </xf>
    <xf numFmtId="206" fontId="42" fillId="0" borderId="37" xfId="136" applyNumberFormat="1" applyFont="1" applyFill="1" applyBorder="1" applyAlignment="1">
      <alignment horizontal="center"/>
    </xf>
    <xf numFmtId="209" fontId="42" fillId="0" borderId="37" xfId="175" applyNumberFormat="1" applyFont="1" applyFill="1" applyBorder="1" applyAlignment="1">
      <alignment horizontal="center"/>
    </xf>
    <xf numFmtId="0" fontId="42" fillId="0" borderId="41" xfId="175" applyFont="1" applyFill="1" applyBorder="1" applyAlignment="1">
      <alignment horizontal="center"/>
    </xf>
    <xf numFmtId="206" fontId="42" fillId="0" borderId="0" xfId="136" applyNumberFormat="1" applyFont="1" applyFill="1" applyBorder="1" applyAlignment="1"/>
    <xf numFmtId="194" fontId="8" fillId="0" borderId="34" xfId="136" applyNumberFormat="1" applyFont="1" applyFill="1" applyBorder="1"/>
    <xf numFmtId="38" fontId="59" fillId="0" borderId="21" xfId="136" applyFont="1" applyFill="1" applyBorder="1" applyAlignment="1">
      <alignment horizontal="center"/>
    </xf>
    <xf numFmtId="193" fontId="8" fillId="0" borderId="35" xfId="136" applyNumberFormat="1" applyFont="1" applyFill="1" applyBorder="1"/>
    <xf numFmtId="176" fontId="42" fillId="0" borderId="17" xfId="126" applyNumberFormat="1" applyFont="1" applyFill="1" applyBorder="1" applyAlignment="1">
      <alignment horizontal="center"/>
    </xf>
    <xf numFmtId="210" fontId="42" fillId="0" borderId="37" xfId="136" applyNumberFormat="1" applyFont="1" applyFill="1" applyBorder="1" applyAlignment="1">
      <alignment horizontal="center"/>
    </xf>
    <xf numFmtId="0" fontId="42" fillId="0" borderId="39" xfId="175" applyFont="1" applyFill="1" applyBorder="1"/>
    <xf numFmtId="0" fontId="8" fillId="0" borderId="30" xfId="175" applyFont="1" applyBorder="1" applyAlignment="1">
      <alignment horizontal="left"/>
    </xf>
    <xf numFmtId="193" fontId="8" fillId="0" borderId="34" xfId="136" applyNumberFormat="1" applyFont="1" applyFill="1" applyBorder="1"/>
    <xf numFmtId="193" fontId="42" fillId="0" borderId="37" xfId="175" applyNumberFormat="1" applyFont="1" applyFill="1" applyBorder="1" applyAlignment="1">
      <alignment horizontal="center"/>
    </xf>
    <xf numFmtId="38" fontId="42" fillId="0" borderId="41" xfId="136" applyFont="1" applyFill="1" applyBorder="1" applyAlignment="1">
      <alignment horizontal="center"/>
    </xf>
    <xf numFmtId="38" fontId="42" fillId="0" borderId="29" xfId="175" applyNumberFormat="1" applyFont="1" applyFill="1" applyBorder="1" applyAlignment="1">
      <alignment horizontal="left"/>
    </xf>
    <xf numFmtId="38" fontId="8" fillId="0" borderId="34" xfId="136" applyFont="1" applyFill="1" applyBorder="1"/>
    <xf numFmtId="38" fontId="42" fillId="0" borderId="0" xfId="136" applyFont="1" applyFill="1" applyBorder="1"/>
    <xf numFmtId="0" fontId="60" fillId="0" borderId="35" xfId="175" applyFont="1" applyBorder="1" applyAlignment="1">
      <alignment horizontal="distributed"/>
    </xf>
    <xf numFmtId="38" fontId="42" fillId="0" borderId="17" xfId="136" quotePrefix="1" applyFont="1" applyFill="1" applyBorder="1" applyAlignment="1">
      <alignment horizontal="right"/>
    </xf>
    <xf numFmtId="38" fontId="42" fillId="0" borderId="37" xfId="136" quotePrefix="1" applyFont="1" applyFill="1" applyBorder="1"/>
    <xf numFmtId="204" fontId="42" fillId="0" borderId="0" xfId="175" applyNumberFormat="1" applyFont="1" applyFill="1" applyBorder="1" applyAlignment="1">
      <alignment horizontal="left"/>
    </xf>
    <xf numFmtId="0" fontId="8" fillId="0" borderId="49" xfId="175" applyFont="1" applyBorder="1" applyAlignment="1">
      <alignment horizontal="distributed"/>
    </xf>
    <xf numFmtId="0" fontId="8" fillId="0" borderId="44" xfId="175" applyFont="1" applyBorder="1" applyAlignment="1">
      <alignment horizontal="distributed"/>
    </xf>
    <xf numFmtId="0" fontId="8" fillId="0" borderId="50" xfId="175" applyFont="1" applyBorder="1" applyAlignment="1">
      <alignment horizontal="distributed"/>
    </xf>
    <xf numFmtId="0" fontId="8" fillId="0" borderId="50" xfId="175" applyFont="1" applyBorder="1" applyAlignment="1">
      <alignment horizontal="center"/>
    </xf>
    <xf numFmtId="195" fontId="8" fillId="0" borderId="50" xfId="136" applyNumberFormat="1" applyFont="1" applyFill="1" applyBorder="1"/>
    <xf numFmtId="205" fontId="42" fillId="0" borderId="45" xfId="136" applyNumberFormat="1" applyFont="1" applyFill="1" applyBorder="1" applyAlignment="1">
      <alignment horizontal="right"/>
    </xf>
    <xf numFmtId="38" fontId="42" fillId="0" borderId="24" xfId="136" applyFont="1" applyFill="1" applyBorder="1"/>
    <xf numFmtId="0" fontId="42" fillId="0" borderId="24" xfId="175" applyFont="1" applyFill="1" applyBorder="1" applyAlignment="1">
      <alignment horizontal="left"/>
    </xf>
    <xf numFmtId="0" fontId="41" fillId="0" borderId="25" xfId="175" applyFont="1" applyFill="1" applyBorder="1"/>
    <xf numFmtId="202" fontId="42" fillId="0" borderId="21" xfId="136" applyNumberFormat="1" applyFont="1" applyFill="1" applyBorder="1" applyAlignment="1">
      <alignment horizontal="center"/>
    </xf>
    <xf numFmtId="40" fontId="42" fillId="0" borderId="0" xfId="136" applyNumberFormat="1" applyFont="1" applyFill="1" applyBorder="1" applyAlignment="1">
      <alignment horizontal="center"/>
    </xf>
    <xf numFmtId="203" fontId="42" fillId="0" borderId="0" xfId="175" applyNumberFormat="1" applyFont="1" applyFill="1" applyBorder="1" applyAlignment="1">
      <alignment horizontal="center"/>
    </xf>
    <xf numFmtId="200" fontId="8" fillId="0" borderId="35" xfId="175" applyNumberFormat="1" applyFont="1" applyBorder="1" applyAlignment="1">
      <alignment horizontal="distributed"/>
    </xf>
    <xf numFmtId="38" fontId="8" fillId="0" borderId="6" xfId="136" applyFont="1" applyBorder="1"/>
    <xf numFmtId="38" fontId="8" fillId="0" borderId="34" xfId="136" applyFont="1" applyBorder="1"/>
    <xf numFmtId="38" fontId="8" fillId="0" borderId="35" xfId="136" applyFont="1" applyBorder="1"/>
    <xf numFmtId="0" fontId="8" fillId="0" borderId="6" xfId="175" applyFont="1" applyBorder="1" applyAlignment="1">
      <alignment horizontal="left"/>
    </xf>
    <xf numFmtId="38" fontId="41" fillId="0" borderId="29" xfId="136" applyFont="1" applyFill="1" applyBorder="1"/>
    <xf numFmtId="38" fontId="41" fillId="0" borderId="0" xfId="136" applyFont="1" applyFill="1" applyBorder="1"/>
    <xf numFmtId="0" fontId="8" fillId="0" borderId="38" xfId="175" applyFont="1" applyBorder="1" applyAlignment="1">
      <alignment horizontal="left" shrinkToFit="1"/>
    </xf>
    <xf numFmtId="38" fontId="41" fillId="0" borderId="37" xfId="136" applyFont="1" applyFill="1" applyBorder="1"/>
    <xf numFmtId="38" fontId="41" fillId="0" borderId="28" xfId="136" applyFont="1" applyFill="1" applyBorder="1"/>
    <xf numFmtId="38" fontId="41" fillId="0" borderId="21" xfId="136" applyFont="1" applyFill="1" applyBorder="1"/>
    <xf numFmtId="38" fontId="42" fillId="0" borderId="17" xfId="136" applyFont="1" applyFill="1" applyBorder="1" applyAlignment="1">
      <alignment horizontal="distributed" justifyLastLine="1"/>
    </xf>
    <xf numFmtId="195" fontId="8" fillId="0" borderId="35" xfId="136" applyNumberFormat="1" applyFont="1" applyFill="1" applyBorder="1"/>
    <xf numFmtId="38" fontId="42" fillId="0" borderId="17" xfId="136" applyFont="1" applyFill="1" applyBorder="1" applyAlignment="1">
      <alignment horizontal="distributed"/>
    </xf>
    <xf numFmtId="38" fontId="42" fillId="0" borderId="21" xfId="136" applyFont="1" applyFill="1" applyBorder="1"/>
    <xf numFmtId="38" fontId="42" fillId="0" borderId="21" xfId="136" applyFont="1" applyFill="1" applyBorder="1" applyAlignment="1">
      <alignment horizontal="center"/>
    </xf>
    <xf numFmtId="38" fontId="59" fillId="0" borderId="21" xfId="136" applyFont="1" applyFill="1" applyBorder="1" applyAlignment="1">
      <alignment horizontal="left"/>
    </xf>
    <xf numFmtId="38" fontId="59" fillId="0" borderId="0" xfId="175" applyNumberFormat="1" applyFont="1" applyFill="1" applyBorder="1" applyAlignment="1">
      <alignment horizontal="center"/>
    </xf>
    <xf numFmtId="10" fontId="59" fillId="0" borderId="0" xfId="126" quotePrefix="1" applyNumberFormat="1" applyFont="1" applyFill="1" applyBorder="1" applyAlignment="1">
      <alignment horizontal="left"/>
    </xf>
    <xf numFmtId="204" fontId="59" fillId="0" borderId="21" xfId="136" applyNumberFormat="1" applyFont="1" applyFill="1" applyBorder="1" applyAlignment="1">
      <alignment horizontal="right"/>
    </xf>
    <xf numFmtId="38" fontId="59" fillId="0" borderId="0" xfId="136" applyFont="1" applyFill="1" applyBorder="1" applyAlignment="1">
      <alignment horizontal="center"/>
    </xf>
    <xf numFmtId="38" fontId="59" fillId="0" borderId="0" xfId="136" applyFont="1" applyFill="1" applyBorder="1" applyAlignment="1">
      <alignment horizontal="left"/>
    </xf>
    <xf numFmtId="38" fontId="59" fillId="0" borderId="21" xfId="136" applyFont="1" applyFill="1" applyBorder="1" applyAlignment="1">
      <alignment horizontal="right"/>
    </xf>
    <xf numFmtId="0" fontId="59" fillId="0" borderId="0" xfId="175" applyFont="1" applyFill="1" applyBorder="1" applyAlignment="1">
      <alignment horizontal="center"/>
    </xf>
    <xf numFmtId="0" fontId="59" fillId="0" borderId="0" xfId="175" applyFont="1" applyFill="1" applyBorder="1" applyAlignment="1">
      <alignment horizontal="left"/>
    </xf>
    <xf numFmtId="0" fontId="59" fillId="0" borderId="39" xfId="175" quotePrefix="1" applyFont="1" applyFill="1" applyBorder="1"/>
    <xf numFmtId="38" fontId="59" fillId="0" borderId="28" xfId="136" applyFont="1" applyFill="1" applyBorder="1" applyAlignment="1">
      <alignment horizontal="left"/>
    </xf>
    <xf numFmtId="38" fontId="42" fillId="0" borderId="21" xfId="136" applyFont="1" applyFill="1" applyBorder="1" applyAlignment="1">
      <alignment horizontal="left"/>
    </xf>
    <xf numFmtId="38" fontId="59" fillId="0" borderId="0" xfId="136" applyFont="1" applyFill="1" applyBorder="1" applyAlignment="1">
      <alignment horizontal="right"/>
    </xf>
    <xf numFmtId="0" fontId="58" fillId="0" borderId="46" xfId="175" applyFont="1" applyBorder="1" applyAlignment="1">
      <alignment horizontal="center" vertical="center" justifyLastLine="1"/>
    </xf>
    <xf numFmtId="38" fontId="41" fillId="0" borderId="31" xfId="136" applyFont="1" applyFill="1" applyBorder="1" applyAlignment="1">
      <alignment horizontal="center" vertical="center"/>
    </xf>
    <xf numFmtId="38" fontId="41" fillId="0" borderId="4" xfId="136" applyFont="1" applyFill="1" applyBorder="1" applyAlignment="1">
      <alignment horizontal="center" vertical="center"/>
    </xf>
    <xf numFmtId="0" fontId="59" fillId="0" borderId="0" xfId="175" applyFont="1" applyFill="1" applyBorder="1" applyAlignment="1">
      <alignment horizontal="center" shrinkToFit="1"/>
    </xf>
    <xf numFmtId="0" fontId="59" fillId="0" borderId="39" xfId="175" applyFont="1" applyFill="1" applyBorder="1" applyAlignment="1">
      <alignment horizontal="center" shrinkToFit="1"/>
    </xf>
    <xf numFmtId="38" fontId="8" fillId="0" borderId="35" xfId="136" applyFont="1" applyFill="1" applyBorder="1"/>
  </cellXfs>
  <cellStyles count="333">
    <cellStyle name="；；；；" xfId="236"/>
    <cellStyle name="??" xfId="1"/>
    <cellStyle name="?? [0.00]_PERSONAL" xfId="2"/>
    <cellStyle name="???? [0.00]_PERSONAL" xfId="3"/>
    <cellStyle name="????_PERSONAL" xfId="4"/>
    <cellStyle name="??_PERSONAL" xfId="5"/>
    <cellStyle name="=C:\WINDOWS\SYSTEM32\COMMAND.COM" xfId="6"/>
    <cellStyle name="æØè [0.00]" xfId="176"/>
    <cellStyle name="ÊÝ [0.00]" xfId="177"/>
    <cellStyle name="0.000" xfId="7"/>
    <cellStyle name="１" xfId="311"/>
    <cellStyle name="121" xfId="178"/>
    <cellStyle name="20% - アクセント 1 2" xfId="8"/>
    <cellStyle name="20% - アクセント 2 2" xfId="9"/>
    <cellStyle name="20% - アクセント 3 2" xfId="10"/>
    <cellStyle name="20% - アクセント 4 2" xfId="11"/>
    <cellStyle name="20% - アクセント 5 2" xfId="12"/>
    <cellStyle name="20% - アクセント 6 2" xfId="13"/>
    <cellStyle name="40% - アクセント 1 2" xfId="14"/>
    <cellStyle name="40% - アクセント 2 2" xfId="15"/>
    <cellStyle name="40% - アクセント 3 2" xfId="16"/>
    <cellStyle name="40% - アクセント 4 2" xfId="17"/>
    <cellStyle name="40% - アクセント 5 2" xfId="18"/>
    <cellStyle name="40% - アクセント 6 2" xfId="19"/>
    <cellStyle name="60% - アクセント 1 2" xfId="20"/>
    <cellStyle name="60% - アクセント 2 2" xfId="21"/>
    <cellStyle name="60% - アクセント 3 2" xfId="22"/>
    <cellStyle name="60% - アクセント 4 2" xfId="23"/>
    <cellStyle name="60% - アクセント 5 2" xfId="24"/>
    <cellStyle name="60% - アクセント 6 2" xfId="25"/>
    <cellStyle name="A4縦" xfId="179"/>
    <cellStyle name="Arial 10" xfId="26"/>
    <cellStyle name="Arial 10 2" xfId="237"/>
    <cellStyle name="Arial 12" xfId="27"/>
    <cellStyle name="Arial 8" xfId="28"/>
    <cellStyle name="Calc Currency (0)" xfId="29"/>
    <cellStyle name="Calc Currency (0) 2" xfId="180"/>
    <cellStyle name="Calc Currency (0)_140424_羽津ポンプ場設計書（鋼製加工品のみとする）" xfId="181"/>
    <cellStyle name="Calc Currency (2)" xfId="30"/>
    <cellStyle name="Calc Percent (0)" xfId="31"/>
    <cellStyle name="Calc Percent (1)" xfId="32"/>
    <cellStyle name="Calc Percent (2)" xfId="33"/>
    <cellStyle name="Calc Units (0)" xfId="34"/>
    <cellStyle name="Calc Units (1)" xfId="35"/>
    <cellStyle name="Calc Units (2)" xfId="36"/>
    <cellStyle name="Comma [0]_#6 Temps &amp; Contractors" xfId="37"/>
    <cellStyle name="Comma [00]" xfId="38"/>
    <cellStyle name="Comma_#6 Temps &amp; Contractors" xfId="39"/>
    <cellStyle name="COMP定番表書式" xfId="40"/>
    <cellStyle name="Currency [0]_#6 Temps &amp; Contractors" xfId="41"/>
    <cellStyle name="Currency [00]" xfId="42"/>
    <cellStyle name="Currency_#6 Temps &amp; Contractors" xfId="43"/>
    <cellStyle name="dak" xfId="44"/>
    <cellStyle name="Date Short" xfId="45"/>
    <cellStyle name="Enter Currency (0)" xfId="46"/>
    <cellStyle name="Enter Currency (2)" xfId="47"/>
    <cellStyle name="Enter Units (0)" xfId="48"/>
    <cellStyle name="Enter Units (1)" xfId="49"/>
    <cellStyle name="Enter Units (2)" xfId="50"/>
    <cellStyle name="entry" xfId="51"/>
    <cellStyle name="Euro" xfId="238"/>
    <cellStyle name="Followed Hyperlink" xfId="52"/>
    <cellStyle name="Grey" xfId="53"/>
    <cellStyle name="Header1" xfId="54"/>
    <cellStyle name="Header2" xfId="55"/>
    <cellStyle name="Hyperlink" xfId="56"/>
    <cellStyle name="Input [yellow]" xfId="57"/>
    <cellStyle name="Link Currency (0)" xfId="58"/>
    <cellStyle name="Link Currency (2)" xfId="59"/>
    <cellStyle name="Link Units (0)" xfId="60"/>
    <cellStyle name="Link Units (1)" xfId="61"/>
    <cellStyle name="Link Units (2)" xfId="62"/>
    <cellStyle name="ＭＳゴシック　10" xfId="63"/>
    <cellStyle name="ＭＳゴシック 12" xfId="64"/>
    <cellStyle name="ｍ単位" xfId="281"/>
    <cellStyle name="ｍ単位[－]赤表示" xfId="282"/>
    <cellStyle name="new" xfId="65"/>
    <cellStyle name="NIC-0" xfId="66"/>
    <cellStyle name="Normal - Style1" xfId="67"/>
    <cellStyle name="Normal_# 41-Market &amp;Trends" xfId="68"/>
    <cellStyle name="ParaBirimi [0]_RESULTS" xfId="69"/>
    <cellStyle name="ParaBirimi_RESULTS" xfId="70"/>
    <cellStyle name="Percent [0]" xfId="71"/>
    <cellStyle name="Percent [00]" xfId="72"/>
    <cellStyle name="Percent [2]" xfId="73"/>
    <cellStyle name="Percent_#6 Temps &amp; Contractors" xfId="74"/>
    <cellStyle name="PrePop Currency (0)" xfId="75"/>
    <cellStyle name="PrePop Currency (2)" xfId="76"/>
    <cellStyle name="PrePop Units (0)" xfId="77"/>
    <cellStyle name="PrePop Units (1)" xfId="78"/>
    <cellStyle name="PrePop Units (2)" xfId="79"/>
    <cellStyle name="price" xfId="80"/>
    <cellStyle name="PSChar" xfId="182"/>
    <cellStyle name="PSHeading" xfId="183"/>
    <cellStyle name="revised" xfId="81"/>
    <cellStyle name="sc5" xfId="184"/>
    <cellStyle name="sc7" xfId="185"/>
    <cellStyle name="section" xfId="82"/>
    <cellStyle name="Standard_COST INPUT SHEET" xfId="186"/>
    <cellStyle name="STYL0" xfId="83"/>
    <cellStyle name="STYL0 - ｽﾀｲﾙ1" xfId="84"/>
    <cellStyle name="STYL1" xfId="85"/>
    <cellStyle name="STYL1 - ｽﾀｲﾙ2" xfId="86"/>
    <cellStyle name="STYL2" xfId="87"/>
    <cellStyle name="STYL2 - ｽﾀｲﾙ3" xfId="88"/>
    <cellStyle name="STYL3" xfId="89"/>
    <cellStyle name="STYL3 - ｽﾀｲﾙ4" xfId="90"/>
    <cellStyle name="STYL4" xfId="91"/>
    <cellStyle name="STYL4 - ｽﾀｲﾙ5" xfId="92"/>
    <cellStyle name="STYL5" xfId="93"/>
    <cellStyle name="STYL5 - ｽﾀｲﾙ6" xfId="94"/>
    <cellStyle name="STYL6" xfId="95"/>
    <cellStyle name="STYL6 - ｽﾀｲﾙ7" xfId="96"/>
    <cellStyle name="STYL7" xfId="97"/>
    <cellStyle name="STYL7 - ｽﾀｲﾙ8" xfId="98"/>
    <cellStyle name="StyleName1" xfId="99"/>
    <cellStyle name="StyleName2" xfId="100"/>
    <cellStyle name="StyleName3" xfId="101"/>
    <cellStyle name="StyleName4" xfId="102"/>
    <cellStyle name="StyleName5" xfId="103"/>
    <cellStyle name="StyleName6" xfId="104"/>
    <cellStyle name="StyleName7" xfId="105"/>
    <cellStyle name="StyleName8" xfId="106"/>
    <cellStyle name="subhead" xfId="107"/>
    <cellStyle name="Text Indent A" xfId="108"/>
    <cellStyle name="Text Indent B" xfId="109"/>
    <cellStyle name="Text Indent C" xfId="110"/>
    <cellStyle name="title" xfId="111"/>
    <cellStyle name="TSUIKA" xfId="112"/>
    <cellStyle name="User_style" xfId="283"/>
    <cellStyle name="Virg・ [0]_RESULTS" xfId="113"/>
    <cellStyle name="Virg・_RESULTS" xfId="114"/>
    <cellStyle name="アクセント 1 2" xfId="115"/>
    <cellStyle name="アクセント 2 2" xfId="116"/>
    <cellStyle name="アクセント 3 2" xfId="117"/>
    <cellStyle name="アクセント 4 2" xfId="118"/>
    <cellStyle name="アクセント 5 2" xfId="119"/>
    <cellStyle name="アクセント 6 2" xfId="120"/>
    <cellStyle name="タイトル 2" xfId="121"/>
    <cellStyle name="チェック セル 2" xfId="122"/>
    <cellStyle name="ﾁｮｳ" xfId="239"/>
    <cellStyle name="どちらでもない 2" xfId="123"/>
    <cellStyle name="ﾄ褊褂燾・[0]_PERSONAL" xfId="124"/>
    <cellStyle name="ﾄ褊褂燾饑PERSONAL" xfId="125"/>
    <cellStyle name="パーセント 2" xfId="126"/>
    <cellStyle name="パーセント 3" xfId="278"/>
    <cellStyle name="ﾌｫﾝﾄ変更" xfId="187"/>
    <cellStyle name="ﾎ磊隆_PERSONAL" xfId="127"/>
    <cellStyle name="メモ 2" xfId="128"/>
    <cellStyle name="ﾔ竟瑙糺・[0]_PERSONAL" xfId="129"/>
    <cellStyle name="ﾔ竟瑙糺饑PERSONAL" xfId="130"/>
    <cellStyle name="リンク" xfId="188"/>
    <cellStyle name="リンク セル 2" xfId="131"/>
    <cellStyle name="悪い 2" xfId="132"/>
    <cellStyle name="位置" xfId="189"/>
    <cellStyle name="円" xfId="240"/>
    <cellStyle name="園田鏡" xfId="241"/>
    <cellStyle name="園田表紙１" xfId="242"/>
    <cellStyle name="園田表紙２" xfId="243"/>
    <cellStyle name="下詰め" xfId="284"/>
    <cellStyle name="下段_0" xfId="190"/>
    <cellStyle name="科目内訳" xfId="244"/>
    <cellStyle name="会社名" xfId="191"/>
    <cellStyle name="角度入力" xfId="285"/>
    <cellStyle name="角度表示" xfId="286"/>
    <cellStyle name="強調" xfId="192"/>
    <cellStyle name="均等割り付け" xfId="287"/>
    <cellStyle name="金額" xfId="193"/>
    <cellStyle name="計算 2" xfId="133"/>
    <cellStyle name="警告文 2" xfId="134"/>
    <cellStyle name="桁蟻唇Ｆ [0.00]_laroux" xfId="275"/>
    <cellStyle name="桁蟻唇Ｆ_laroux" xfId="276"/>
    <cellStyle name="桁区切り [0.0]" xfId="194"/>
    <cellStyle name="桁区切り [0.000]" xfId="288"/>
    <cellStyle name="桁区切り 2" xfId="135"/>
    <cellStyle name="桁区切り 2 2" xfId="136"/>
    <cellStyle name="桁区切り 2 2 2" xfId="137"/>
    <cellStyle name="桁区切り 2 3" xfId="232"/>
    <cellStyle name="桁区切り 2 3 2" xfId="277"/>
    <cellStyle name="桁区切り 3" xfId="138"/>
    <cellStyle name="桁区切り 3 2" xfId="195"/>
    <cellStyle name="桁区切り 3 3" xfId="261"/>
    <cellStyle name="桁区切り 4" xfId="174"/>
    <cellStyle name="桁区切り 4 2" xfId="245"/>
    <cellStyle name="桁区切り 4 3" xfId="264"/>
    <cellStyle name="桁区切り 5" xfId="231"/>
    <cellStyle name="桁区切り 5 2" xfId="235"/>
    <cellStyle name="桁区切り 5 3" xfId="266"/>
    <cellStyle name="桁区切り 6" xfId="267"/>
    <cellStyle name="桁区切り 7" xfId="279"/>
    <cellStyle name="桁区切り 8" xfId="265"/>
    <cellStyle name="桁区切り 9" xfId="246"/>
    <cellStyle name="桁区切り（０なし）" xfId="139"/>
    <cellStyle name="桁区切り0" xfId="140"/>
    <cellStyle name="桁区切り1" xfId="141"/>
    <cellStyle name="桁区切り2" xfId="142"/>
    <cellStyle name="見出し 1 2" xfId="143"/>
    <cellStyle name="見出し 2 2" xfId="144"/>
    <cellStyle name="見出し 3 2" xfId="145"/>
    <cellStyle name="見出し 4 2" xfId="146"/>
    <cellStyle name="見出し標準" xfId="289"/>
    <cellStyle name="見積桁区切り" xfId="196"/>
    <cellStyle name="見積-桁区切り" xfId="197"/>
    <cellStyle name="見積-通貨記号" xfId="198"/>
    <cellStyle name="工期算定表" xfId="199"/>
    <cellStyle name="工程表_書式" xfId="147"/>
    <cellStyle name="左官" xfId="290"/>
    <cellStyle name="細明朝　9" xfId="148"/>
    <cellStyle name="細明朝12" xfId="149"/>
    <cellStyle name="集計 2" xfId="150"/>
    <cellStyle name="縦下" xfId="151"/>
    <cellStyle name="縦上" xfId="152"/>
    <cellStyle name="縦中央" xfId="153"/>
    <cellStyle name="出力 2" xfId="154"/>
    <cellStyle name="小数1位" xfId="291"/>
    <cellStyle name="小数１位" xfId="292"/>
    <cellStyle name="小数2位" xfId="293"/>
    <cellStyle name="小数２位" xfId="294"/>
    <cellStyle name="小数3位" xfId="295"/>
    <cellStyle name="小数３位" xfId="296"/>
    <cellStyle name="小数4位" xfId="297"/>
    <cellStyle name="小数４位" xfId="298"/>
    <cellStyle name="小数点０位 [0]" xfId="200"/>
    <cellStyle name="小数点１位 [0.0]" xfId="201"/>
    <cellStyle name="小数点２位 [0.00]" xfId="202"/>
    <cellStyle name="小数点３位 [0.000]" xfId="203"/>
    <cellStyle name="小表題" xfId="204"/>
    <cellStyle name="上の原" xfId="155"/>
    <cellStyle name="上段_0" xfId="205"/>
    <cellStyle name="数量" xfId="206"/>
    <cellStyle name="数量計算" xfId="156"/>
    <cellStyle name="整数" xfId="299"/>
    <cellStyle name="積算" xfId="207"/>
    <cellStyle name="設計用紙乙" xfId="247"/>
    <cellStyle name="設計用紙乙 2" xfId="268"/>
    <cellStyle name="設計用紙乙1" xfId="248"/>
    <cellStyle name="設計用紙乙1 2" xfId="269"/>
    <cellStyle name="設計用紙乙2" xfId="249"/>
    <cellStyle name="設計用紙乙2 2" xfId="270"/>
    <cellStyle name="設計用紙乙3" xfId="250"/>
    <cellStyle name="設計用紙乙3 2" xfId="271"/>
    <cellStyle name="説明文 2" xfId="157"/>
    <cellStyle name="線細い" xfId="272"/>
    <cellStyle name="総括表" xfId="300"/>
    <cellStyle name="損料_書式" xfId="158"/>
    <cellStyle name="代価表" xfId="251"/>
    <cellStyle name="大表題(12)" xfId="208"/>
    <cellStyle name="大表題(14)" xfId="209"/>
    <cellStyle name="大表題(16)" xfId="210"/>
    <cellStyle name="大表題(20)" xfId="211"/>
    <cellStyle name="脱浦 [0.00]_1°ITU≫2?T計算" xfId="252"/>
    <cellStyle name="脱浦_1°ITU≫2?T計算" xfId="253"/>
    <cellStyle name="帳票" xfId="212"/>
    <cellStyle name="通浦 [0.00]_laroux" xfId="159"/>
    <cellStyle name="通浦_laroux" xfId="160"/>
    <cellStyle name="通貨 2" xfId="213"/>
    <cellStyle name="土木断面" xfId="301"/>
    <cellStyle name="内訳書" xfId="302"/>
    <cellStyle name="日進量_書式" xfId="161"/>
    <cellStyle name="入力 2" xfId="162"/>
    <cellStyle name="入力セル" xfId="303"/>
    <cellStyle name="入力セル　" xfId="304"/>
    <cellStyle name="入力セル_座標逆算" xfId="305"/>
    <cellStyle name="年号" xfId="163"/>
    <cellStyle name="破線" xfId="164"/>
    <cellStyle name="比較表" xfId="330"/>
    <cellStyle name="非表示" xfId="165"/>
    <cellStyle name="非保護" xfId="306"/>
    <cellStyle name="標準" xfId="0" builtinId="0"/>
    <cellStyle name="標準 10" xfId="214"/>
    <cellStyle name="標準 11" xfId="215"/>
    <cellStyle name="標準 12" xfId="216"/>
    <cellStyle name="標準 13" xfId="254"/>
    <cellStyle name="標準 13 2" xfId="280"/>
    <cellStyle name="標準 14" xfId="255"/>
    <cellStyle name="標準 15" xfId="256"/>
    <cellStyle name="標準 16" xfId="260"/>
    <cellStyle name="標準 17" xfId="328"/>
    <cellStyle name="標準 2" xfId="166"/>
    <cellStyle name="標準 2 2" xfId="217"/>
    <cellStyle name="標準 2 2 2" xfId="218"/>
    <cellStyle name="標準 2 3" xfId="219"/>
    <cellStyle name="標準 2 3 2" xfId="257"/>
    <cellStyle name="標準 2 4" xfId="332"/>
    <cellStyle name="標準 2_【参考】金抜設計書（膜ろ過棟）" xfId="307"/>
    <cellStyle name="標準 3" xfId="167"/>
    <cellStyle name="標準 3 2" xfId="233"/>
    <cellStyle name="標準 3 2 2" xfId="234"/>
    <cellStyle name="標準 3 3" xfId="312"/>
    <cellStyle name="標準 3 4" xfId="329"/>
    <cellStyle name="標準 4" xfId="220"/>
    <cellStyle name="標準 4 2" xfId="221"/>
    <cellStyle name="標準 4 2 2" xfId="313"/>
    <cellStyle name="標準 4 3" xfId="273"/>
    <cellStyle name="標準 4 3 2" xfId="274"/>
    <cellStyle name="標準 4 3 2 2" xfId="314"/>
    <cellStyle name="標準 4 3 2 3" xfId="315"/>
    <cellStyle name="標準 4 3 3" xfId="316"/>
    <cellStyle name="標準 4 4" xfId="262"/>
    <cellStyle name="標準 5" xfId="222"/>
    <cellStyle name="標準 5 2" xfId="263"/>
    <cellStyle name="標準 5 2 2" xfId="317"/>
    <cellStyle name="標準 5 3" xfId="318"/>
    <cellStyle name="標準 6" xfId="223"/>
    <cellStyle name="標準 6 2" xfId="319"/>
    <cellStyle name="標準 6 2 2" xfId="320"/>
    <cellStyle name="標準 6 3" xfId="321"/>
    <cellStyle name="標準 6 3 2" xfId="322"/>
    <cellStyle name="標準 6 3 2 2" xfId="323"/>
    <cellStyle name="標準 6 3 3" xfId="324"/>
    <cellStyle name="標準 6 4" xfId="325"/>
    <cellStyle name="標準 7" xfId="224"/>
    <cellStyle name="標準 8" xfId="225"/>
    <cellStyle name="標準 8 2" xfId="331"/>
    <cellStyle name="標準 9" xfId="226"/>
    <cellStyle name="標準、罫線" xfId="168"/>
    <cellStyle name="標準_総括 2" xfId="175"/>
    <cellStyle name="標準1" xfId="308"/>
    <cellStyle name="標準２" xfId="227"/>
    <cellStyle name="標準A" xfId="228"/>
    <cellStyle name="標準Ａ" xfId="169"/>
    <cellStyle name="標準戻し" xfId="229"/>
    <cellStyle name="表１" xfId="170"/>
    <cellStyle name="表紙" xfId="230"/>
    <cellStyle name="文字列" xfId="309"/>
    <cellStyle name="閉じかっこ" xfId="258"/>
    <cellStyle name="別紙明細" xfId="171"/>
    <cellStyle name="保護" xfId="310"/>
    <cellStyle name="磨葬e義" xfId="259"/>
    <cellStyle name="未定義" xfId="172"/>
    <cellStyle name="良い 2" xfId="173"/>
    <cellStyle name="卨げ" xfId="326"/>
    <cellStyle name="湪" xfId="32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76" Type="http://schemas.openxmlformats.org/officeDocument/2006/relationships/externalLink" Target="externalLinks/externalLink75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97" Type="http://schemas.openxmlformats.org/officeDocument/2006/relationships/externalLink" Target="externalLinks/externalLink96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styles" Target="styles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theme" Target="theme/theme1.xml"/><Relationship Id="rId101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ak\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3&#35373;&#35336;&#31532;1g\H47101800&#30333;&#23665;&#24066;&#32654;&#24029;&#37197;&#27700;&#27744;\23&#35373;&#35336;&#26360;&#12539;&#20195;&#20385;&#34920;\&#32654;&#24029;&#37197;&#27700;&#27744;&#25913;&#33391;&#24037;&#20107;\&#26032;&#12375;&#12356;&#12501;&#12457;&#12523;&#12480;\&#30333;&#23665;&#24066;\&#24037;&#20107;&#20385;&#26684;&#35336;&#3163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24;&#12483;&#12484;&#12494;&#12540;&#12488;&#65315;&#12489;&#12521;&#12452;&#12502;\&#27744;&#30000;\&#27738;&#27877;\&#65396;&#65400;&#65406;&#65433;311\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G&#20849;&#36890;\&#35373;&#35336;&#36039;&#26009;\EXCEL\&#20013;&#20027;\&#24037;&#31243;&#31561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36795;\DATA%20DRIVE\&#29289;&#20214;&#12487;&#12540;&#12479;\&#20316;&#26989;&#20013;\&#39640;&#37326;&#21475;&#30010;\&#26481;&#37096;&#36865;&#27700;&#31649;&#24067;&#35373;&#24037;&#20107;\&#35373;&#35336;&#26360;\&#39640;&#37326;&#21475;&#35373;&#35336;&#26360;1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&#23567;&#26494;&#24066;\&#25552;&#20986;&#29992;\&#21335;&#37096;&#65328;&#65331;\&#21335;&#37096;&#35373;&#35336;&#26360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&#23567;&#26494;&#24066;\&#25552;&#20986;&#29992;\&#21335;&#37096;&#65328;&#65331;\&#21069;&#24029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00_kan\project\dataH11\&#30693;&#22810;\11.01\&#30693;&#22810;&#25968;&#37327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/&#65320;&#65305;&#26360;&#39006;/&#31309;&#31639;/&#39321;&#20303;&#21271;&#29305;&#20462;&#31309;&#31639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</sheetNames>
    <sheetDataSet>
      <sheetData sheetId="0"/>
      <sheetData sheetId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</definedNames>
    <sheetDataSet>
      <sheetData sheetId="0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ダミー"/>
      <sheetName val="表紙"/>
      <sheetName val="明細"/>
      <sheetName val="1号"/>
      <sheetName val="2号"/>
      <sheetName val="3号"/>
      <sheetName val="4号"/>
      <sheetName val="5号"/>
      <sheetName val="配水管原"/>
      <sheetName val="資材単価"/>
      <sheetName val="単価表"/>
      <sheetName val="見積"/>
      <sheetName val="配管材料１"/>
      <sheetName val="配管材料２"/>
      <sheetName val="切管組合せ１"/>
      <sheetName val="切管組合せ２"/>
      <sheetName val="土工延長集計１"/>
      <sheetName val="土工延長集計２"/>
      <sheetName val="土工集計表１"/>
      <sheetName val="土工集計表２"/>
      <sheetName val="路面復旧"/>
      <sheetName val="内表紙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土工集計"/>
      <sheetName val="付帯・土工"/>
      <sheetName val="本管"/>
      <sheetName val="本管土工"/>
      <sheetName val="取付管"/>
      <sheetName val="人孔数量"/>
      <sheetName val="人孔"/>
      <sheetName val="躯体"/>
      <sheetName val="鉄筋"/>
    </sheetNames>
    <sheetDataSet>
      <sheetData sheetId="0"/>
      <sheetData sheetId="1">
        <row r="2">
          <cell r="B2" t="str">
            <v>場内整備土工集計表</v>
          </cell>
        </row>
        <row r="3">
          <cell r="B3" t="str">
            <v>場     所</v>
          </cell>
          <cell r="C3" t="str">
            <v>機械掘削</v>
          </cell>
          <cell r="D3" t="str">
            <v>人力掘削</v>
          </cell>
          <cell r="E3" t="str">
            <v>埋戻し(機械)</v>
          </cell>
          <cell r="F3" t="str">
            <v>埋戻し(人力)</v>
          </cell>
          <cell r="G3" t="str">
            <v>砂基礎(人力)</v>
          </cell>
          <cell r="H3" t="str">
            <v>床均し</v>
          </cell>
          <cell r="I3" t="str">
            <v>残土</v>
          </cell>
          <cell r="J3" t="str">
            <v>摘   要</v>
          </cell>
        </row>
        <row r="4">
          <cell r="C4" t="str">
            <v>(m3)</v>
          </cell>
          <cell r="D4" t="str">
            <v>(m3)</v>
          </cell>
          <cell r="E4" t="str">
            <v>(m3)</v>
          </cell>
          <cell r="F4" t="str">
            <v>(m3)</v>
          </cell>
          <cell r="G4" t="str">
            <v>(m3)</v>
          </cell>
          <cell r="H4" t="str">
            <v>(m2)</v>
          </cell>
          <cell r="I4" t="str">
            <v>(m3)</v>
          </cell>
        </row>
        <row r="5">
          <cell r="B5" t="str">
            <v>本管</v>
          </cell>
          <cell r="C5">
            <v>596.80816875000005</v>
          </cell>
          <cell r="E5">
            <v>360.71999999999997</v>
          </cell>
          <cell r="G5">
            <v>153.69</v>
          </cell>
          <cell r="H5">
            <v>212.49375000000001</v>
          </cell>
          <cell r="I5">
            <v>443.11816875000011</v>
          </cell>
        </row>
        <row r="6">
          <cell r="B6" t="str">
            <v>取付管</v>
          </cell>
          <cell r="C6">
            <v>32.83</v>
          </cell>
          <cell r="E6">
            <v>31.299999999999997</v>
          </cell>
          <cell r="I6">
            <v>1.53</v>
          </cell>
        </row>
        <row r="7">
          <cell r="B7" t="str">
            <v>人孔</v>
          </cell>
          <cell r="C7">
            <v>80.729874999999993</v>
          </cell>
          <cell r="E7">
            <v>48.999491284624995</v>
          </cell>
          <cell r="H7">
            <v>32.164999999999999</v>
          </cell>
          <cell r="I7">
            <v>31.730383715374998</v>
          </cell>
        </row>
        <row r="8">
          <cell r="B8" t="str">
            <v>集水桝(A)</v>
          </cell>
          <cell r="C8">
            <v>12.26</v>
          </cell>
          <cell r="F8">
            <v>8.27</v>
          </cell>
          <cell r="H8">
            <v>4.8600000000000003</v>
          </cell>
          <cell r="I8">
            <v>3.99</v>
          </cell>
        </row>
        <row r="9">
          <cell r="B9" t="str">
            <v>集水桝(B)</v>
          </cell>
          <cell r="C9">
            <v>4.8499999999999996</v>
          </cell>
          <cell r="F9">
            <v>3.39</v>
          </cell>
          <cell r="H9">
            <v>1.62</v>
          </cell>
          <cell r="I9">
            <v>1.4599999999999995</v>
          </cell>
        </row>
        <row r="10">
          <cell r="B10" t="str">
            <v>集水桝(C)</v>
          </cell>
          <cell r="C10">
            <v>3.31</v>
          </cell>
          <cell r="F10">
            <v>2.4500000000000002</v>
          </cell>
          <cell r="H10">
            <v>0.81</v>
          </cell>
          <cell r="I10">
            <v>0.85999999999999988</v>
          </cell>
        </row>
        <row r="11">
          <cell r="B11" t="str">
            <v>集水桝(D)</v>
          </cell>
          <cell r="C11">
            <v>1</v>
          </cell>
          <cell r="F11">
            <v>0.8</v>
          </cell>
          <cell r="H11">
            <v>0.48</v>
          </cell>
          <cell r="I11">
            <v>0.19999999999999996</v>
          </cell>
        </row>
        <row r="12">
          <cell r="B12" t="str">
            <v>ﾒｯｼｭﾌｪﾝｽ門扉</v>
          </cell>
          <cell r="D12">
            <v>0.4</v>
          </cell>
          <cell r="F12">
            <v>0.2</v>
          </cell>
          <cell r="I12">
            <v>0.2</v>
          </cell>
        </row>
        <row r="13">
          <cell r="B13" t="str">
            <v>ﾒｯｼｭﾌｪﾝｽ</v>
          </cell>
          <cell r="D13">
            <v>21</v>
          </cell>
          <cell r="F13">
            <v>14.8</v>
          </cell>
          <cell r="I13">
            <v>6.1999999999999993</v>
          </cell>
        </row>
        <row r="14">
          <cell r="B14" t="str">
            <v>歩車道境界ﾌﾞﾛｯｸ</v>
          </cell>
          <cell r="C14">
            <v>4.1900000000000004</v>
          </cell>
          <cell r="F14">
            <v>1.85</v>
          </cell>
          <cell r="H14">
            <v>11.96</v>
          </cell>
          <cell r="I14">
            <v>2.3400000000000003</v>
          </cell>
        </row>
        <row r="15">
          <cell r="B15" t="str">
            <v>横断工(300×300)</v>
          </cell>
          <cell r="C15">
            <v>4.5</v>
          </cell>
          <cell r="F15">
            <v>1.69</v>
          </cell>
          <cell r="H15">
            <v>5.25</v>
          </cell>
          <cell r="I15">
            <v>2.81</v>
          </cell>
        </row>
        <row r="16">
          <cell r="B16" t="str">
            <v>U字(300)側溝</v>
          </cell>
          <cell r="C16">
            <v>85.71</v>
          </cell>
          <cell r="F16">
            <v>34.89</v>
          </cell>
          <cell r="H16">
            <v>108.48</v>
          </cell>
          <cell r="I16">
            <v>50.819999999999993</v>
          </cell>
        </row>
        <row r="17">
          <cell r="B17" t="str">
            <v>LU型街渠</v>
          </cell>
          <cell r="C17">
            <v>204.59</v>
          </cell>
          <cell r="F17">
            <v>115.06</v>
          </cell>
          <cell r="H17">
            <v>238.52</v>
          </cell>
          <cell r="I17">
            <v>89.53</v>
          </cell>
        </row>
        <row r="18">
          <cell r="B18" t="str">
            <v>LU型街渠用集水桝</v>
          </cell>
          <cell r="C18">
            <v>8.52</v>
          </cell>
          <cell r="F18">
            <v>5.98</v>
          </cell>
          <cell r="H18">
            <v>4.5599999999999996</v>
          </cell>
          <cell r="I18">
            <v>2.5399999999999991</v>
          </cell>
        </row>
        <row r="19">
          <cell r="I19">
            <v>0</v>
          </cell>
        </row>
        <row r="20">
          <cell r="I20">
            <v>0</v>
          </cell>
        </row>
        <row r="21">
          <cell r="I21">
            <v>0</v>
          </cell>
        </row>
        <row r="22">
          <cell r="I22">
            <v>0</v>
          </cell>
        </row>
        <row r="23">
          <cell r="B23" t="str">
            <v>合     計</v>
          </cell>
          <cell r="C23">
            <v>1039.29804375</v>
          </cell>
          <cell r="D23">
            <v>21.4</v>
          </cell>
          <cell r="E23">
            <v>441.01949128462496</v>
          </cell>
          <cell r="F23">
            <v>189.38</v>
          </cell>
          <cell r="G23">
            <v>153.69</v>
          </cell>
          <cell r="H23">
            <v>621.19875000000002</v>
          </cell>
          <cell r="I23">
            <v>637.32855246537497</v>
          </cell>
          <cell r="J23">
            <v>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O58"/>
  <sheetViews>
    <sheetView showZeros="0" tabSelected="1" zoomScale="40" zoomScaleNormal="40" zoomScaleSheetLayoutView="70" workbookViewId="0">
      <selection activeCell="H27" sqref="H27"/>
    </sheetView>
  </sheetViews>
  <sheetFormatPr defaultRowHeight="14.25"/>
  <cols>
    <col min="1" max="1" width="3.5" style="1" customWidth="1"/>
    <col min="2" max="2" width="16.5" style="1" customWidth="1"/>
    <col min="3" max="4" width="20.75" style="1" customWidth="1"/>
    <col min="5" max="5" width="21.25" style="1" customWidth="1"/>
    <col min="6" max="6" width="6.375" style="2" customWidth="1"/>
    <col min="7" max="7" width="9.5" style="2" customWidth="1"/>
    <col min="8" max="9" width="15.75" style="3" customWidth="1"/>
    <col min="10" max="10" width="27.75" style="3" customWidth="1"/>
    <col min="11" max="11" width="13.625" style="3" customWidth="1"/>
    <col min="12" max="12" width="13.875" style="4" customWidth="1"/>
    <col min="13" max="13" width="11.5" style="4" customWidth="1"/>
    <col min="14" max="16384" width="9" style="1"/>
  </cols>
  <sheetData>
    <row r="1" spans="2:13">
      <c r="B1" s="1" t="s">
        <v>3</v>
      </c>
      <c r="C1" s="1" t="s">
        <v>32</v>
      </c>
    </row>
    <row r="2" spans="2:13" ht="15" thickBot="1">
      <c r="B2" s="1" t="s">
        <v>4</v>
      </c>
      <c r="C2" s="1" t="s">
        <v>33</v>
      </c>
    </row>
    <row r="3" spans="2:13" ht="36" customHeight="1">
      <c r="B3" s="5"/>
      <c r="C3" s="6"/>
      <c r="D3" s="6"/>
      <c r="E3" s="129" t="s">
        <v>21</v>
      </c>
      <c r="F3" s="129"/>
      <c r="G3" s="129"/>
      <c r="H3" s="7"/>
      <c r="I3" s="7" t="s">
        <v>28</v>
      </c>
      <c r="J3" s="8"/>
      <c r="K3" s="8"/>
      <c r="L3" s="8"/>
      <c r="M3" s="9"/>
    </row>
    <row r="4" spans="2:13" ht="37.5" customHeight="1">
      <c r="B4" s="11" t="s">
        <v>5</v>
      </c>
      <c r="C4" s="12" t="s">
        <v>6</v>
      </c>
      <c r="D4" s="13" t="s">
        <v>2</v>
      </c>
      <c r="E4" s="13" t="s">
        <v>7</v>
      </c>
      <c r="F4" s="13" t="s">
        <v>8</v>
      </c>
      <c r="G4" s="13" t="s">
        <v>1</v>
      </c>
      <c r="H4" s="14" t="s">
        <v>30</v>
      </c>
      <c r="I4" s="14" t="s">
        <v>23</v>
      </c>
      <c r="J4" s="130" t="s">
        <v>24</v>
      </c>
      <c r="K4" s="131"/>
      <c r="L4" s="131"/>
      <c r="M4" s="15"/>
    </row>
    <row r="5" spans="2:13" ht="15" customHeight="1">
      <c r="B5" s="16"/>
      <c r="C5" s="17"/>
      <c r="D5" s="17"/>
      <c r="E5" s="18"/>
      <c r="F5" s="19"/>
      <c r="G5" s="19"/>
      <c r="H5" s="20"/>
      <c r="I5" s="20"/>
      <c r="J5" s="21"/>
      <c r="K5" s="22"/>
      <c r="L5" s="22"/>
      <c r="M5" s="23"/>
    </row>
    <row r="6" spans="2:13" ht="15" customHeight="1">
      <c r="B6" s="24"/>
      <c r="C6" s="25"/>
      <c r="D6" s="25"/>
      <c r="E6" s="26"/>
      <c r="F6" s="27"/>
      <c r="G6" s="27"/>
      <c r="H6" s="71"/>
      <c r="I6" s="71"/>
      <c r="J6" s="28"/>
      <c r="K6" s="29"/>
      <c r="L6" s="30"/>
      <c r="M6" s="31"/>
    </row>
    <row r="7" spans="2:13" ht="15" customHeight="1">
      <c r="B7" s="32" t="s">
        <v>25</v>
      </c>
      <c r="C7" s="33"/>
      <c r="D7" s="33"/>
      <c r="E7" s="34"/>
      <c r="F7" s="35" t="s">
        <v>0</v>
      </c>
      <c r="G7" s="35">
        <v>1</v>
      </c>
      <c r="H7" s="112"/>
      <c r="I7" s="112"/>
      <c r="J7" s="113"/>
      <c r="K7" s="36"/>
      <c r="L7" s="36"/>
      <c r="M7" s="37"/>
    </row>
    <row r="8" spans="2:13" ht="15" customHeight="1">
      <c r="B8" s="24"/>
      <c r="C8" s="25"/>
      <c r="D8" s="25"/>
      <c r="E8" s="26"/>
      <c r="F8" s="27"/>
      <c r="G8" s="27"/>
      <c r="H8" s="38"/>
      <c r="I8" s="38"/>
      <c r="J8" s="114"/>
      <c r="K8" s="30"/>
      <c r="L8" s="30"/>
      <c r="M8" s="23"/>
    </row>
    <row r="9" spans="2:13" ht="15" customHeight="1">
      <c r="B9" s="24"/>
      <c r="C9" s="25"/>
      <c r="D9" s="25"/>
      <c r="E9" s="26"/>
      <c r="F9" s="27"/>
      <c r="G9" s="27"/>
      <c r="H9" s="38"/>
      <c r="I9" s="38"/>
      <c r="J9" s="114"/>
      <c r="K9" s="30"/>
      <c r="L9" s="30"/>
      <c r="M9" s="31"/>
    </row>
    <row r="10" spans="2:13" ht="15" customHeight="1">
      <c r="B10" s="39" t="s">
        <v>9</v>
      </c>
      <c r="C10" s="40"/>
      <c r="D10" s="40"/>
      <c r="E10" s="26"/>
      <c r="F10" s="35" t="s">
        <v>0</v>
      </c>
      <c r="G10" s="35">
        <v>1</v>
      </c>
      <c r="H10" s="38"/>
      <c r="I10" s="38"/>
      <c r="J10" s="115"/>
      <c r="K10" s="30"/>
      <c r="L10" s="30"/>
      <c r="M10" s="41"/>
    </row>
    <row r="11" spans="2:13" ht="15" customHeight="1">
      <c r="B11" s="16"/>
      <c r="C11" s="17"/>
      <c r="D11" s="17"/>
      <c r="E11" s="18"/>
      <c r="F11" s="19"/>
      <c r="G11" s="19"/>
      <c r="H11" s="20"/>
      <c r="I11" s="20"/>
      <c r="J11" s="42"/>
      <c r="K11" s="43"/>
      <c r="L11" s="22"/>
      <c r="M11" s="23"/>
    </row>
    <row r="12" spans="2:13" ht="15" customHeight="1">
      <c r="B12" s="24"/>
      <c r="C12" s="25"/>
      <c r="D12" s="25"/>
      <c r="E12" s="26"/>
      <c r="F12" s="27"/>
      <c r="G12" s="27"/>
      <c r="H12" s="44"/>
      <c r="I12" s="44"/>
      <c r="J12" s="116"/>
      <c r="K12" s="117"/>
      <c r="L12" s="118"/>
      <c r="M12" s="31"/>
    </row>
    <row r="13" spans="2:13" ht="15" customHeight="1">
      <c r="B13" s="45"/>
      <c r="C13" s="46" t="s">
        <v>10</v>
      </c>
      <c r="D13" s="33"/>
      <c r="E13" s="34"/>
      <c r="F13" s="35"/>
      <c r="G13" s="35"/>
      <c r="H13" s="47"/>
      <c r="I13" s="47"/>
      <c r="J13" s="48"/>
      <c r="K13" s="49"/>
      <c r="L13" s="50"/>
      <c r="M13" s="37"/>
    </row>
    <row r="14" spans="2:13" ht="15" customHeight="1">
      <c r="B14" s="24"/>
      <c r="C14" s="40"/>
      <c r="D14" s="25"/>
      <c r="E14" s="26"/>
      <c r="F14" s="27"/>
      <c r="G14" s="27"/>
      <c r="H14" s="52"/>
      <c r="I14" s="52"/>
      <c r="J14" s="97"/>
      <c r="K14" s="98"/>
      <c r="L14" s="99"/>
      <c r="M14" s="31"/>
    </row>
    <row r="15" spans="2:13" ht="15" customHeight="1">
      <c r="B15" s="24"/>
      <c r="C15" s="40"/>
      <c r="D15" s="25"/>
      <c r="E15" s="26"/>
      <c r="F15" s="27"/>
      <c r="G15" s="27"/>
      <c r="H15" s="52"/>
      <c r="I15" s="52"/>
      <c r="J15" s="97"/>
      <c r="K15" s="98"/>
      <c r="L15" s="99"/>
      <c r="M15" s="31"/>
    </row>
    <row r="16" spans="2:13" ht="15" customHeight="1">
      <c r="B16" s="45"/>
      <c r="C16" s="53" t="s">
        <v>26</v>
      </c>
      <c r="D16" s="53"/>
      <c r="E16" s="34"/>
      <c r="F16" s="35"/>
      <c r="G16" s="35"/>
      <c r="H16" s="47"/>
      <c r="I16" s="47"/>
      <c r="J16" s="113"/>
      <c r="K16" s="49"/>
      <c r="L16" s="50"/>
      <c r="M16" s="37"/>
    </row>
    <row r="17" spans="2:15" ht="15" customHeight="1">
      <c r="B17" s="24"/>
      <c r="C17" s="40"/>
      <c r="D17" s="25"/>
      <c r="E17" s="26"/>
      <c r="F17" s="27"/>
      <c r="G17" s="27"/>
      <c r="H17" s="52"/>
      <c r="I17" s="52"/>
      <c r="J17" s="97"/>
      <c r="K17" s="98"/>
      <c r="L17" s="99"/>
      <c r="M17" s="31"/>
    </row>
    <row r="18" spans="2:15" ht="15" customHeight="1">
      <c r="B18" s="24"/>
      <c r="C18" s="40"/>
      <c r="D18" s="25"/>
      <c r="E18" s="26"/>
      <c r="F18" s="27"/>
      <c r="G18" s="27"/>
      <c r="H18" s="52"/>
      <c r="I18" s="52"/>
      <c r="J18" s="97"/>
      <c r="K18" s="98"/>
      <c r="L18" s="99"/>
      <c r="M18" s="31"/>
    </row>
    <row r="19" spans="2:15" ht="15" customHeight="1">
      <c r="B19" s="24"/>
      <c r="C19" s="40" t="s">
        <v>31</v>
      </c>
      <c r="D19" s="40"/>
      <c r="E19" s="26"/>
      <c r="F19" s="35"/>
      <c r="G19" s="35"/>
      <c r="H19" s="52"/>
      <c r="I19" s="52"/>
      <c r="J19" s="113"/>
      <c r="K19" s="98"/>
      <c r="L19" s="99"/>
      <c r="M19" s="31"/>
    </row>
    <row r="20" spans="2:15" ht="15" customHeight="1">
      <c r="B20" s="16"/>
      <c r="C20" s="17"/>
      <c r="D20" s="17"/>
      <c r="E20" s="18"/>
      <c r="F20" s="19"/>
      <c r="G20" s="19"/>
      <c r="H20" s="51"/>
      <c r="I20" s="51"/>
      <c r="J20" s="42"/>
      <c r="K20" s="43"/>
      <c r="L20" s="22"/>
      <c r="M20" s="23"/>
    </row>
    <row r="21" spans="2:15" ht="15" customHeight="1">
      <c r="B21" s="24"/>
      <c r="C21" s="25"/>
      <c r="D21" s="25"/>
      <c r="E21" s="26"/>
      <c r="F21" s="27"/>
      <c r="G21" s="27"/>
      <c r="H21" s="52"/>
      <c r="I21" s="52"/>
      <c r="J21" s="119"/>
      <c r="K21" s="120"/>
      <c r="L21" s="121"/>
      <c r="M21" s="31"/>
    </row>
    <row r="22" spans="2:15" ht="15" customHeight="1">
      <c r="B22" s="32"/>
      <c r="C22" s="46" t="s">
        <v>11</v>
      </c>
      <c r="D22" s="53"/>
      <c r="E22" s="34"/>
      <c r="F22" s="35"/>
      <c r="G22" s="35"/>
      <c r="H22" s="47"/>
      <c r="I22" s="47"/>
      <c r="J22" s="54"/>
      <c r="K22" s="55"/>
      <c r="L22" s="56"/>
      <c r="M22" s="37"/>
    </row>
    <row r="23" spans="2:15" ht="15" customHeight="1">
      <c r="B23" s="39"/>
      <c r="C23" s="57"/>
      <c r="D23" s="40"/>
      <c r="E23" s="26"/>
      <c r="F23" s="27"/>
      <c r="G23" s="27"/>
      <c r="H23" s="52"/>
      <c r="I23" s="52"/>
      <c r="J23" s="58"/>
      <c r="K23" s="59"/>
      <c r="L23" s="60"/>
      <c r="M23" s="23"/>
    </row>
    <row r="24" spans="2:15" ht="15" customHeight="1">
      <c r="B24" s="39"/>
      <c r="C24" s="57"/>
      <c r="D24" s="40"/>
      <c r="E24" s="26"/>
      <c r="F24" s="27"/>
      <c r="G24" s="27"/>
      <c r="H24" s="52"/>
      <c r="I24" s="52"/>
      <c r="J24" s="58"/>
      <c r="K24" s="59"/>
      <c r="L24" s="60"/>
      <c r="M24" s="31"/>
    </row>
    <row r="25" spans="2:15" ht="15" customHeight="1">
      <c r="B25" s="39" t="s">
        <v>13</v>
      </c>
      <c r="C25" s="57"/>
      <c r="D25" s="40"/>
      <c r="E25" s="26"/>
      <c r="F25" s="35" t="s">
        <v>0</v>
      </c>
      <c r="G25" s="35">
        <v>1</v>
      </c>
      <c r="H25" s="52"/>
      <c r="I25" s="52"/>
      <c r="J25" s="115"/>
      <c r="K25" s="59"/>
      <c r="L25" s="60"/>
      <c r="M25" s="41"/>
    </row>
    <row r="26" spans="2:15" ht="15" customHeight="1">
      <c r="B26" s="16"/>
      <c r="C26" s="18"/>
      <c r="D26" s="17"/>
      <c r="E26" s="18"/>
      <c r="F26" s="19"/>
      <c r="G26" s="19"/>
      <c r="H26" s="61"/>
      <c r="I26" s="61"/>
      <c r="J26" s="42"/>
      <c r="K26" s="43"/>
      <c r="L26" s="22"/>
      <c r="M26" s="23"/>
    </row>
    <row r="27" spans="2:15" ht="15" customHeight="1">
      <c r="B27" s="24"/>
      <c r="C27" s="26"/>
      <c r="D27" s="25"/>
      <c r="E27" s="26"/>
      <c r="F27" s="27"/>
      <c r="G27" s="27"/>
      <c r="H27" s="52"/>
      <c r="I27" s="52"/>
      <c r="J27" s="116"/>
      <c r="K27" s="117"/>
      <c r="L27" s="118"/>
      <c r="M27" s="31"/>
    </row>
    <row r="28" spans="2:15" ht="15" customHeight="1">
      <c r="B28" s="45"/>
      <c r="C28" s="46" t="s">
        <v>12</v>
      </c>
      <c r="E28" s="34"/>
      <c r="F28" s="35"/>
      <c r="G28" s="35"/>
      <c r="H28" s="47"/>
      <c r="I28" s="47"/>
      <c r="J28" s="48"/>
      <c r="K28" s="49"/>
      <c r="L28" s="50"/>
      <c r="M28" s="37"/>
    </row>
    <row r="29" spans="2:15" ht="15" customHeight="1">
      <c r="B29" s="16"/>
      <c r="C29" s="18"/>
      <c r="D29" s="17"/>
      <c r="E29" s="18"/>
      <c r="F29" s="19"/>
      <c r="G29" s="19"/>
      <c r="H29" s="61"/>
      <c r="I29" s="61"/>
      <c r="J29" s="42"/>
      <c r="K29" s="43"/>
      <c r="L29" s="22"/>
      <c r="M29" s="23"/>
    </row>
    <row r="30" spans="2:15" ht="15" customHeight="1">
      <c r="B30" s="24"/>
      <c r="C30" s="26"/>
      <c r="D30" s="25"/>
      <c r="E30" s="26"/>
      <c r="F30" s="27"/>
      <c r="G30" s="27"/>
      <c r="H30" s="52"/>
      <c r="I30" s="52"/>
      <c r="J30" s="122"/>
      <c r="K30" s="120"/>
      <c r="L30" s="123"/>
      <c r="M30" s="31"/>
    </row>
    <row r="31" spans="2:15" ht="15" customHeight="1">
      <c r="B31" s="32"/>
      <c r="C31" s="46" t="s">
        <v>14</v>
      </c>
      <c r="D31" s="33"/>
      <c r="E31" s="34"/>
      <c r="F31" s="35"/>
      <c r="G31" s="35"/>
      <c r="H31" s="47"/>
      <c r="I31" s="47"/>
      <c r="J31" s="54"/>
      <c r="K31" s="62"/>
      <c r="L31" s="63"/>
      <c r="M31" s="37"/>
      <c r="N31" s="10"/>
      <c r="O31" s="10"/>
    </row>
    <row r="32" spans="2:15" ht="15" customHeight="1">
      <c r="B32" s="16"/>
      <c r="C32" s="17"/>
      <c r="D32" s="17"/>
      <c r="E32" s="64"/>
      <c r="F32" s="19"/>
      <c r="G32" s="19"/>
      <c r="H32" s="61"/>
      <c r="I32" s="61"/>
      <c r="J32" s="42"/>
      <c r="K32" s="43"/>
      <c r="L32" s="22"/>
      <c r="M32" s="23"/>
      <c r="N32" s="10"/>
      <c r="O32" s="10"/>
    </row>
    <row r="33" spans="2:15" ht="15" customHeight="1">
      <c r="B33" s="24"/>
      <c r="C33" s="25"/>
      <c r="D33" s="25"/>
      <c r="E33" s="26"/>
      <c r="F33" s="27"/>
      <c r="G33" s="27"/>
      <c r="H33" s="52"/>
      <c r="I33" s="52"/>
      <c r="J33" s="122"/>
      <c r="K33" s="120"/>
      <c r="L33" s="124"/>
      <c r="M33" s="31"/>
      <c r="N33" s="10"/>
      <c r="O33" s="10"/>
    </row>
    <row r="34" spans="2:15" ht="15" customHeight="1">
      <c r="B34" s="32" t="s">
        <v>22</v>
      </c>
      <c r="C34" s="53"/>
      <c r="D34" s="33"/>
      <c r="E34" s="34"/>
      <c r="F34" s="35" t="s">
        <v>0</v>
      </c>
      <c r="G34" s="35">
        <v>1</v>
      </c>
      <c r="H34" s="47"/>
      <c r="I34" s="47"/>
      <c r="J34" s="54"/>
      <c r="K34" s="55"/>
      <c r="L34" s="56"/>
      <c r="M34" s="37"/>
      <c r="N34" s="10"/>
      <c r="O34" s="10"/>
    </row>
    <row r="35" spans="2:15" ht="15" customHeight="1">
      <c r="B35" s="16"/>
      <c r="C35" s="17"/>
      <c r="D35" s="17"/>
      <c r="E35" s="64"/>
      <c r="F35" s="19"/>
      <c r="G35" s="19"/>
      <c r="H35" s="61"/>
      <c r="I35" s="61"/>
      <c r="J35" s="42"/>
      <c r="K35" s="43"/>
      <c r="L35" s="22"/>
      <c r="M35" s="23"/>
      <c r="N35" s="10"/>
      <c r="O35" s="10"/>
    </row>
    <row r="36" spans="2:15" ht="15" customHeight="1">
      <c r="B36" s="24"/>
      <c r="C36" s="25"/>
      <c r="D36" s="25"/>
      <c r="F36" s="27"/>
      <c r="G36" s="27"/>
      <c r="H36" s="52"/>
      <c r="I36" s="52"/>
      <c r="J36" s="116"/>
      <c r="K36" s="117"/>
      <c r="L36" s="118"/>
      <c r="M36" s="125"/>
      <c r="N36" s="10"/>
      <c r="O36" s="10"/>
    </row>
    <row r="37" spans="2:15" ht="15" customHeight="1">
      <c r="B37" s="45"/>
      <c r="C37" s="46" t="s">
        <v>15</v>
      </c>
      <c r="D37" s="65"/>
      <c r="E37" s="100"/>
      <c r="F37" s="35"/>
      <c r="G37" s="35"/>
      <c r="H37" s="47"/>
      <c r="I37" s="47"/>
      <c r="J37" s="66"/>
      <c r="K37" s="67"/>
      <c r="L37" s="68"/>
      <c r="M37" s="69"/>
    </row>
    <row r="38" spans="2:15" ht="15" customHeight="1">
      <c r="B38" s="24"/>
      <c r="C38" s="25"/>
      <c r="D38" s="40"/>
      <c r="E38" s="18"/>
      <c r="F38" s="19"/>
      <c r="G38" s="19"/>
      <c r="H38" s="20"/>
      <c r="I38" s="20"/>
      <c r="J38" s="126"/>
      <c r="K38" s="43"/>
      <c r="L38" s="70"/>
      <c r="M38" s="23"/>
    </row>
    <row r="39" spans="2:15" ht="15" customHeight="1">
      <c r="B39" s="39" t="s">
        <v>16</v>
      </c>
      <c r="C39" s="25"/>
      <c r="D39" s="40"/>
      <c r="E39" s="26"/>
      <c r="F39" s="27"/>
      <c r="G39" s="27"/>
      <c r="H39" s="71"/>
      <c r="I39" s="71"/>
      <c r="J39" s="72"/>
      <c r="K39" s="59"/>
      <c r="L39" s="70"/>
      <c r="M39" s="31"/>
    </row>
    <row r="40" spans="2:15" ht="15" customHeight="1">
      <c r="B40" s="39" t="s">
        <v>17</v>
      </c>
      <c r="C40" s="40" t="s">
        <v>18</v>
      </c>
      <c r="D40" s="40"/>
      <c r="E40" s="46"/>
      <c r="F40" s="35" t="s">
        <v>0</v>
      </c>
      <c r="G40" s="35">
        <v>1</v>
      </c>
      <c r="H40" s="73"/>
      <c r="I40" s="73"/>
      <c r="J40" s="74"/>
      <c r="K40" s="75"/>
      <c r="L40" s="70"/>
      <c r="M40" s="76"/>
    </row>
    <row r="41" spans="2:15" ht="15" customHeight="1">
      <c r="B41" s="16"/>
      <c r="C41" s="17"/>
      <c r="D41" s="77"/>
      <c r="E41" s="57"/>
      <c r="F41" s="27"/>
      <c r="G41" s="27"/>
      <c r="H41" s="78"/>
      <c r="I41" s="78"/>
      <c r="J41" s="109"/>
      <c r="K41" s="105"/>
      <c r="L41" s="22"/>
      <c r="M41" s="23"/>
    </row>
    <row r="42" spans="2:15" ht="15" customHeight="1">
      <c r="B42" s="24"/>
      <c r="C42" s="25"/>
      <c r="D42" s="40"/>
      <c r="E42" s="57"/>
      <c r="F42" s="27"/>
      <c r="G42" s="27"/>
      <c r="H42" s="78"/>
      <c r="I42" s="78"/>
      <c r="J42" s="110"/>
      <c r="K42" s="106"/>
      <c r="L42" s="60"/>
      <c r="M42" s="31"/>
    </row>
    <row r="43" spans="2:15" ht="15" customHeight="1">
      <c r="B43" s="24"/>
      <c r="C43" s="40" t="s">
        <v>19</v>
      </c>
      <c r="D43" s="40"/>
      <c r="E43" s="57"/>
      <c r="F43" s="27"/>
      <c r="G43" s="27"/>
      <c r="H43" s="78"/>
      <c r="I43" s="78"/>
      <c r="J43" s="111"/>
      <c r="K43" s="108"/>
      <c r="L43" s="56"/>
      <c r="M43" s="37"/>
    </row>
    <row r="44" spans="2:15" ht="15" customHeight="1">
      <c r="B44" s="16"/>
      <c r="C44" s="77"/>
      <c r="D44" s="77"/>
      <c r="E44" s="104"/>
      <c r="F44" s="19"/>
      <c r="G44" s="19"/>
      <c r="H44" s="101"/>
      <c r="I44" s="51"/>
      <c r="J44" s="116"/>
      <c r="K44" s="83"/>
      <c r="L44" s="70"/>
      <c r="M44" s="31"/>
    </row>
    <row r="45" spans="2:15" ht="15" customHeight="1">
      <c r="B45" s="24"/>
      <c r="C45" s="40"/>
      <c r="D45" s="40"/>
      <c r="E45" s="57"/>
      <c r="F45" s="27"/>
      <c r="G45" s="27"/>
      <c r="H45" s="102"/>
      <c r="I45" s="82"/>
      <c r="J45" s="72"/>
      <c r="K45" s="59"/>
      <c r="L45" s="70"/>
      <c r="M45" s="31"/>
    </row>
    <row r="46" spans="2:15" ht="15" customHeight="1">
      <c r="B46" s="32" t="s">
        <v>29</v>
      </c>
      <c r="C46" s="107" t="s">
        <v>27</v>
      </c>
      <c r="D46" s="53"/>
      <c r="E46" s="46"/>
      <c r="F46" s="35" t="s">
        <v>0</v>
      </c>
      <c r="G46" s="35">
        <v>1</v>
      </c>
      <c r="H46" s="103"/>
      <c r="I46" s="134"/>
      <c r="J46" s="111"/>
      <c r="K46" s="75"/>
      <c r="L46" s="70"/>
      <c r="M46" s="76"/>
    </row>
    <row r="47" spans="2:15" ht="15" customHeight="1">
      <c r="B47" s="16"/>
      <c r="C47" s="17"/>
      <c r="D47" s="17"/>
      <c r="E47" s="18"/>
      <c r="F47" s="19"/>
      <c r="G47" s="19"/>
      <c r="H47" s="20"/>
      <c r="I47" s="20"/>
      <c r="J47" s="42"/>
      <c r="K47" s="43"/>
      <c r="L47" s="22"/>
      <c r="M47" s="23"/>
    </row>
    <row r="48" spans="2:15" ht="15" customHeight="1">
      <c r="B48" s="24"/>
      <c r="C48" s="25"/>
      <c r="D48" s="25"/>
      <c r="E48" s="26"/>
      <c r="F48" s="27"/>
      <c r="G48" s="27"/>
      <c r="H48" s="52"/>
      <c r="I48" s="52"/>
      <c r="J48" s="122"/>
      <c r="K48" s="120"/>
      <c r="L48" s="132"/>
      <c r="M48" s="133"/>
    </row>
    <row r="49" spans="2:13" ht="15" customHeight="1">
      <c r="B49" s="45" t="s">
        <v>20</v>
      </c>
      <c r="C49" s="33"/>
      <c r="D49" s="33"/>
      <c r="E49" s="34"/>
      <c r="F49" s="35" t="s">
        <v>0</v>
      </c>
      <c r="G49" s="35">
        <v>1</v>
      </c>
      <c r="H49" s="47"/>
      <c r="I49" s="47"/>
      <c r="J49" s="54"/>
      <c r="K49" s="62"/>
      <c r="L49" s="79"/>
      <c r="M49" s="80"/>
    </row>
    <row r="50" spans="2:13" ht="15" customHeight="1">
      <c r="B50" s="16"/>
      <c r="C50" s="17"/>
      <c r="D50" s="17"/>
      <c r="E50" s="18"/>
      <c r="F50" s="19"/>
      <c r="G50" s="19"/>
      <c r="H50" s="51"/>
      <c r="I50" s="51"/>
      <c r="J50" s="42"/>
      <c r="K50" s="43"/>
      <c r="L50" s="81"/>
      <c r="M50" s="23"/>
    </row>
    <row r="51" spans="2:13" ht="15" customHeight="1">
      <c r="B51" s="24"/>
      <c r="C51" s="25"/>
      <c r="D51" s="25"/>
      <c r="E51" s="26"/>
      <c r="F51" s="27"/>
      <c r="G51" s="27"/>
      <c r="H51" s="82"/>
      <c r="I51" s="82"/>
      <c r="J51" s="127"/>
      <c r="K51" s="83"/>
      <c r="L51" s="60"/>
      <c r="M51" s="31"/>
    </row>
    <row r="52" spans="2:13" ht="15" customHeight="1">
      <c r="B52" s="45"/>
      <c r="C52" s="33"/>
      <c r="D52" s="33"/>
      <c r="E52" s="84"/>
      <c r="F52" s="35"/>
      <c r="G52" s="35"/>
      <c r="H52" s="47"/>
      <c r="I52" s="47"/>
      <c r="J52" s="85"/>
      <c r="K52" s="86"/>
      <c r="L52" s="56"/>
      <c r="M52" s="37"/>
    </row>
    <row r="53" spans="2:13" ht="15" customHeight="1">
      <c r="B53" s="16"/>
      <c r="C53" s="17"/>
      <c r="D53" s="17"/>
      <c r="E53" s="64"/>
      <c r="F53" s="19"/>
      <c r="G53" s="19"/>
      <c r="H53" s="51"/>
      <c r="I53" s="51"/>
      <c r="J53" s="42"/>
      <c r="K53" s="43"/>
      <c r="L53" s="22"/>
      <c r="M53" s="23"/>
    </row>
    <row r="54" spans="2:13" ht="15" customHeight="1">
      <c r="B54" s="24"/>
      <c r="C54" s="25"/>
      <c r="D54" s="25"/>
      <c r="E54" s="26"/>
      <c r="F54" s="27"/>
      <c r="G54" s="27"/>
      <c r="H54" s="82"/>
      <c r="I54" s="82"/>
      <c r="J54" s="122"/>
      <c r="K54" s="128"/>
      <c r="L54" s="87"/>
      <c r="M54" s="31"/>
    </row>
    <row r="55" spans="2:13" ht="15" customHeight="1" thickBot="1">
      <c r="B55" s="88"/>
      <c r="C55" s="89"/>
      <c r="D55" s="89"/>
      <c r="E55" s="90"/>
      <c r="F55" s="91"/>
      <c r="G55" s="91"/>
      <c r="H55" s="92"/>
      <c r="I55" s="92"/>
      <c r="J55" s="93"/>
      <c r="K55" s="94"/>
      <c r="L55" s="95"/>
      <c r="M55" s="96"/>
    </row>
    <row r="56" spans="2:13" ht="15" customHeight="1"/>
    <row r="57" spans="2:13" ht="15" customHeight="1"/>
    <row r="58" spans="2:13" ht="15" customHeight="1"/>
  </sheetData>
  <mergeCells count="3">
    <mergeCell ref="E3:G3"/>
    <mergeCell ref="J4:L4"/>
    <mergeCell ref="L48:M48"/>
  </mergeCells>
  <phoneticPr fontId="4"/>
  <dataValidations count="2">
    <dataValidation type="list" allowBlank="1" showInputMessage="1" showErrorMessage="1" sqref="L37">
      <formula1>#REF!</formula1>
    </dataValidation>
    <dataValidation type="list" allowBlank="1" showInputMessage="1" showErrorMessage="1" sqref="M37">
      <formula1>#REF!</formula1>
    </dataValidation>
  </dataValidations>
  <printOptions horizontalCentered="1" verticalCentered="1"/>
  <pageMargins left="0.70866141732283472" right="0.70866141732283472" top="0.74803149606299213" bottom="0.74803149606299213" header="0.31496062992125984" footer="0.31496062992125984"/>
  <pageSetup paperSize="9" scale="62" orientation="landscape" horizontalDpi="4294967294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費内訳書</vt:lpstr>
      <vt:lpstr>工事費内訳書!Print_Area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indows ユーザー</cp:lastModifiedBy>
  <cp:lastPrinted>2018-11-18T04:34:30Z</cp:lastPrinted>
  <dcterms:created xsi:type="dcterms:W3CDTF">2014-03-20T05:03:09Z</dcterms:created>
  <dcterms:modified xsi:type="dcterms:W3CDTF">2018-11-19T10:34:43Z</dcterms:modified>
</cp:coreProperties>
</file>